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K:\03_決算国費G\K 決算関係（R5）\K01 決算・決特（R5）\22 HP公開\02_起案\アップロード資料\"/>
    </mc:Choice>
  </mc:AlternateContent>
  <bookViews>
    <workbookView xWindow="0" yWindow="0" windowWidth="23040" windowHeight="8304"/>
  </bookViews>
  <sheets>
    <sheet name="02市町村自治振興事業会(歳入)" sheetId="1" r:id="rId1"/>
    <sheet name="02市町村自治振興事業会(歳出)" sheetId="2" r:id="rId2"/>
    <sheet name="03公債管理特別会計(歳入)" sheetId="4" r:id="rId3"/>
    <sheet name="03公債管理特別会計(歳出)" sheetId="3" r:id="rId4"/>
    <sheet name="04公営競技収益配分金等(歳入)" sheetId="5" r:id="rId5"/>
    <sheet name="04公営競技収益配分金等(歳出)" sheetId="6" r:id="rId6"/>
    <sheet name="05地方消費税　清算会計(歳入)" sheetId="7" r:id="rId7"/>
    <sheet name="05地方消費税　清算会計(歳出)" sheetId="8" r:id="rId8"/>
    <sheet name="06災害救助基金会計(歳入)" sheetId="9" r:id="rId9"/>
    <sheet name="06災害救助基金会計(歳出)" sheetId="10" r:id="rId10"/>
    <sheet name="08恩賜記念林業振興資金(歳入)" sheetId="11" r:id="rId11"/>
    <sheet name="08恩賜記念林業振興資金(歳出)" sheetId="12" r:id="rId12"/>
    <sheet name="09林業改善資金会計(歳入)" sheetId="14" r:id="rId13"/>
    <sheet name="09林業改善資金会計(歳出)" sheetId="13" r:id="rId14"/>
    <sheet name="10水源環境保全・再生事(歳入)" sheetId="15" r:id="rId15"/>
    <sheet name="10水源環境保全・再生事(歳出)" sheetId="16" r:id="rId16"/>
    <sheet name="11沿岸漁業改善資金会計(歳入)" sheetId="17" r:id="rId17"/>
    <sheet name="11沿岸漁業改善資金会計(歳出)" sheetId="18" r:id="rId18"/>
    <sheet name="12介護保険財政安定化基(歳入)" sheetId="19" r:id="rId19"/>
    <sheet name="12介護保険財政安定化基(歳出)" sheetId="20" r:id="rId20"/>
    <sheet name="13母子父子寡婦福祉資金(歳入)" sheetId="21" r:id="rId21"/>
    <sheet name="13母子父子寡婦福祉資金(歳出)" sheetId="22" r:id="rId22"/>
    <sheet name="14国民健康保険事業会計(歳入)" sheetId="23" r:id="rId23"/>
    <sheet name="14国民健康保険事業会計(歳出)" sheetId="24" r:id="rId24"/>
    <sheet name="15神奈川県立病院機構資(歳入)" sheetId="25" r:id="rId25"/>
    <sheet name="15神奈川県立病院機構資(歳出)" sheetId="26" r:id="rId26"/>
    <sheet name="16中小企業資金会計(歳入)" sheetId="27" r:id="rId27"/>
    <sheet name="16中小企業資金会計(歳出)" sheetId="28" r:id="rId28"/>
    <sheet name="18県営住宅事業会計(歳入)" sheetId="29" r:id="rId29"/>
    <sheet name="18県営住宅事業会計(歳出)" sheetId="30" r:id="rId30"/>
  </sheets>
  <externalReferences>
    <externalReference r:id="rId31"/>
    <externalReference r:id="rId32"/>
  </externalReferences>
  <definedNames>
    <definedName name="Def1_行数_横">[1]Def1_歳入明細書!$AZ$6:$AZ$9</definedName>
    <definedName name="Def1_行数_縦">[1]Def1_歳入明細書!$AZ$25:$AZ$28</definedName>
    <definedName name="Def2_行数_横">[1]Def2_歳入明細書!$AX$6:$AX$9</definedName>
    <definedName name="Def2_行数_縦">[1]Def2_歳入明細書!$AX$25:$AX$28</definedName>
    <definedName name="Def3_行数_横">[1]Def3_歳入明細書!$AX$6:$AX$9</definedName>
    <definedName name="Def3_行数_縦">[1]Def3_歳入明細書!$AX$25:$AX$28</definedName>
    <definedName name="Def4_行数_横">[1]Def4_歳入明細書!$AX$6:$AX$9</definedName>
    <definedName name="Def4_行数_縦">[1]Def4_歳入明細書!$AX$25:$AX$28</definedName>
    <definedName name="Def5_行数_横">[1]Def5_歳入明細書!$AX$6:$AX$9</definedName>
    <definedName name="Def5_行数_縦">[1]Def5_歳入明細書!$AX$25:$AX$28</definedName>
    <definedName name="Def6_行数_横">[1]Def6_歳入明細書!$AX$6:$AX$9</definedName>
    <definedName name="Def6_行数_縦">[1]Def6_歳入明細書!$AX$25:$AX$28</definedName>
    <definedName name="Def7_行数_横">[1]Def7_歳入明細書!$AX$6:$AX$9</definedName>
    <definedName name="Def7_行数_縦">[1]Def7_歳入明細書!$AX$25:$AX$28</definedName>
    <definedName name="Def8_行数_横">[1]Def8_歳入明細書!$AX$6:$AX$9</definedName>
    <definedName name="Def8_行数_縦">[1]Def8_歳入明細書!$AX$25:$AX$28</definedName>
    <definedName name="Def9_行数_横">[1]Def9_歳入明細書!$AX$6:$AX$9</definedName>
    <definedName name="Def9_行数_縦">[1]Def9_歳入明細書!$AX$25:$AX$28</definedName>
    <definedName name="kaikei">"AutoShape 4"</definedName>
    <definedName name="Par_その他名称" localSheetId="1">[2]Par_パラメタ!#REF!</definedName>
    <definedName name="Par_その他名称" localSheetId="3">[2]Par_パラメタ!#REF!</definedName>
    <definedName name="Par_その他名称" localSheetId="5">[2]Par_パラメタ!#REF!</definedName>
    <definedName name="Par_その他名称" localSheetId="7">[2]Par_パラメタ!#REF!</definedName>
    <definedName name="Par_その他名称" localSheetId="9">[2]Par_パラメタ!#REF!</definedName>
    <definedName name="Par_その他名称" localSheetId="11">[2]Par_パラメタ!#REF!</definedName>
    <definedName name="Par_その他名称" localSheetId="13">[2]Par_パラメタ!#REF!</definedName>
    <definedName name="Par_その他名称" localSheetId="15">[2]Par_パラメタ!#REF!</definedName>
    <definedName name="Par_その他名称" localSheetId="17">[2]Par_パラメタ!#REF!</definedName>
    <definedName name="Par_その他名称" localSheetId="19">[2]Par_パラメタ!#REF!</definedName>
    <definedName name="Par_その他名称" localSheetId="21">[2]Par_パラメタ!#REF!</definedName>
    <definedName name="Par_その他名称" localSheetId="23">[2]Par_パラメタ!#REF!</definedName>
    <definedName name="Par_その他名称" localSheetId="25">[2]Par_パラメタ!#REF!</definedName>
    <definedName name="Par_その他名称" localSheetId="27">[2]Par_パラメタ!#REF!</definedName>
    <definedName name="Par_その他名称" localSheetId="29">[2]Par_パラメタ!#REF!</definedName>
    <definedName name="Par_その他名称">[1]Par_パラメタ!#REF!</definedName>
    <definedName name="Par_一般名称" localSheetId="1">[2]Par_パラメタ!#REF!</definedName>
    <definedName name="Par_一般名称" localSheetId="3">[2]Par_パラメタ!#REF!</definedName>
    <definedName name="Par_一般名称" localSheetId="5">[2]Par_パラメタ!#REF!</definedName>
    <definedName name="Par_一般名称" localSheetId="7">[2]Par_パラメタ!#REF!</definedName>
    <definedName name="Par_一般名称" localSheetId="9">[2]Par_パラメタ!#REF!</definedName>
    <definedName name="Par_一般名称" localSheetId="11">[2]Par_パラメタ!#REF!</definedName>
    <definedName name="Par_一般名称" localSheetId="13">[2]Par_パラメタ!#REF!</definedName>
    <definedName name="Par_一般名称" localSheetId="15">[2]Par_パラメタ!#REF!</definedName>
    <definedName name="Par_一般名称" localSheetId="17">[2]Par_パラメタ!#REF!</definedName>
    <definedName name="Par_一般名称" localSheetId="19">[2]Par_パラメタ!#REF!</definedName>
    <definedName name="Par_一般名称" localSheetId="21">[2]Par_パラメタ!#REF!</definedName>
    <definedName name="Par_一般名称" localSheetId="23">[2]Par_パラメタ!#REF!</definedName>
    <definedName name="Par_一般名称" localSheetId="25">[2]Par_パラメタ!#REF!</definedName>
    <definedName name="Par_一般名称" localSheetId="27">[2]Par_パラメタ!#REF!</definedName>
    <definedName name="Par_一般名称" localSheetId="29">[2]Par_パラメタ!#REF!</definedName>
    <definedName name="Par_一般名称">[1]Par_パラメタ!#REF!</definedName>
    <definedName name="Par_行数">[1]Par_パラメタ!$S$25:$T$28</definedName>
    <definedName name="Par_行数Foot">[1]Par_パラメタ!$S$29</definedName>
    <definedName name="_xlnm.Print_Area" localSheetId="1">'02市町村自治振興事業会(歳出)'!$A$1:$AO$86</definedName>
    <definedName name="_xlnm.Print_Area" localSheetId="0">'02市町村自治振興事業会(歳入)'!$A$1:$AM$85</definedName>
    <definedName name="_xlnm.Print_Area" localSheetId="3">'03公債管理特別会計(歳出)'!$A$1:$AO$86</definedName>
    <definedName name="_xlnm.Print_Area" localSheetId="2">'03公債管理特別会計(歳入)'!$A$1:$AM$85</definedName>
    <definedName name="_xlnm.Print_Area" localSheetId="5">'04公営競技収益配分金等(歳出)'!$A$1:$AO$86</definedName>
    <definedName name="_xlnm.Print_Area" localSheetId="4">'04公営競技収益配分金等(歳入)'!$A$1:$AM$85</definedName>
    <definedName name="_xlnm.Print_Area" localSheetId="7">'05地方消費税　清算会計(歳出)'!$A$1:$AO$86</definedName>
    <definedName name="_xlnm.Print_Area" localSheetId="6">'05地方消費税　清算会計(歳入)'!$A$1:$AM$85</definedName>
    <definedName name="_xlnm.Print_Area" localSheetId="9">'06災害救助基金会計(歳出)'!$A$1:$AO$86</definedName>
    <definedName name="_xlnm.Print_Area" localSheetId="8">'06災害救助基金会計(歳入)'!$A$1:$AM$85</definedName>
    <definedName name="_xlnm.Print_Area" localSheetId="11">'08恩賜記念林業振興資金(歳出)'!$A$1:$AO$86</definedName>
    <definedName name="_xlnm.Print_Area" localSheetId="10">'08恩賜記念林業振興資金(歳入)'!$A$1:$AM$85</definedName>
    <definedName name="_xlnm.Print_Area" localSheetId="13">'09林業改善資金会計(歳出)'!$A$1:$AO$86</definedName>
    <definedName name="_xlnm.Print_Area" localSheetId="12">'09林業改善資金会計(歳入)'!$A$1:$AM$85</definedName>
    <definedName name="_xlnm.Print_Area" localSheetId="15">'10水源環境保全・再生事(歳出)'!$A$1:$AO$258</definedName>
    <definedName name="_xlnm.Print_Area" localSheetId="14">'10水源環境保全・再生事(歳入)'!$A$1:$AM$85</definedName>
    <definedName name="_xlnm.Print_Area" localSheetId="17">'11沿岸漁業改善資金会計(歳出)'!$A$1:$AO$86</definedName>
    <definedName name="_xlnm.Print_Area" localSheetId="16">'11沿岸漁業改善資金会計(歳入)'!$A$1:$AM$85</definedName>
    <definedName name="_xlnm.Print_Area" localSheetId="19">'12介護保険財政安定化基(歳出)'!$A$1:$AO$86</definedName>
    <definedName name="_xlnm.Print_Area" localSheetId="18">'12介護保険財政安定化基(歳入)'!$A$1:$AM$85</definedName>
    <definedName name="_xlnm.Print_Area" localSheetId="21">'13母子父子寡婦福祉資金(歳出)'!$A$1:$AO$86</definedName>
    <definedName name="_xlnm.Print_Area" localSheetId="20">'13母子父子寡婦福祉資金(歳入)'!$A$1:$AM$85</definedName>
    <definedName name="_xlnm.Print_Area" localSheetId="23">'14国民健康保険事業会計(歳出)'!$A$1:$AO$172</definedName>
    <definedName name="_xlnm.Print_Area" localSheetId="22">'14国民健康保険事業会計(歳入)'!$A$1:$AM$173</definedName>
    <definedName name="_xlnm.Print_Area" localSheetId="25">'15神奈川県立病院機構資(歳出)'!$A$1:$AO$86</definedName>
    <definedName name="_xlnm.Print_Area" localSheetId="24">'15神奈川県立病院機構資(歳入)'!$A$1:$AM$85</definedName>
    <definedName name="_xlnm.Print_Area" localSheetId="27">'16中小企業資金会計(歳出)'!$A$1:$AO$86</definedName>
    <definedName name="_xlnm.Print_Area" localSheetId="26">'16中小企業資金会計(歳入)'!$A$1:$AM$85</definedName>
    <definedName name="_xlnm.Print_Area" localSheetId="29">'18県営住宅事業会計(歳出)'!$A$1:$AO$172</definedName>
    <definedName name="_xlnm.Print_Area" localSheetId="28">'18県営住宅事業会計(歳入)'!$A$1:$AM$17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874" uniqueCount="1215">
  <si>
    <t>令和４年度神奈川県市町村自治振</t>
    <phoneticPr fontId="2"/>
  </si>
  <si>
    <t>興事業会計歳入歳出決算事項別明細書</t>
    <rPh sb="16" eb="17">
      <t>ショ</t>
    </rPh>
    <phoneticPr fontId="2"/>
  </si>
  <si>
    <t>歳　　入</t>
    <rPh sb="0" eb="1">
      <t>トシ</t>
    </rPh>
    <rPh sb="3" eb="4">
      <t>ニュウ</t>
    </rPh>
    <phoneticPr fontId="5"/>
  </si>
  <si>
    <t/>
  </si>
  <si>
    <t>款</t>
    <rPh sb="0" eb="1">
      <t>カン</t>
    </rPh>
    <phoneticPr fontId="5"/>
  </si>
  <si>
    <t>項</t>
    <rPh sb="0" eb="1">
      <t>コウ</t>
    </rPh>
    <phoneticPr fontId="5"/>
  </si>
  <si>
    <t>目</t>
    <rPh sb="0" eb="1">
      <t>モク</t>
    </rPh>
    <phoneticPr fontId="5"/>
  </si>
  <si>
    <t>予算現額</t>
    <rPh sb="0" eb="2">
      <t>ヨサン</t>
    </rPh>
    <rPh sb="2" eb="3">
      <t>ゲン</t>
    </rPh>
    <rPh sb="3" eb="4">
      <t>ガク</t>
    </rPh>
    <phoneticPr fontId="5"/>
  </si>
  <si>
    <t>調定額</t>
    <rPh sb="0" eb="3">
      <t>チョウテイガク</t>
    </rPh>
    <phoneticPr fontId="5"/>
  </si>
  <si>
    <t>収入済額</t>
    <rPh sb="0" eb="2">
      <t>シュウニュウ</t>
    </rPh>
    <rPh sb="2" eb="3">
      <t>ズミ</t>
    </rPh>
    <rPh sb="3" eb="4">
      <t>ガク</t>
    </rPh>
    <phoneticPr fontId="5"/>
  </si>
  <si>
    <t>不納欠損額</t>
    <phoneticPr fontId="5"/>
  </si>
  <si>
    <t>収入未済額</t>
    <rPh sb="0" eb="2">
      <t>シュウニュウ</t>
    </rPh>
    <rPh sb="2" eb="4">
      <t>ミサイ</t>
    </rPh>
    <rPh sb="4" eb="5">
      <t>ガク</t>
    </rPh>
    <phoneticPr fontId="5"/>
  </si>
  <si>
    <t>備考</t>
    <rPh sb="0" eb="2">
      <t>ビコウ</t>
    </rPh>
    <phoneticPr fontId="5"/>
  </si>
  <si>
    <t>当初予算額</t>
    <rPh sb="0" eb="2">
      <t>トウショ</t>
    </rPh>
    <rPh sb="2" eb="5">
      <t>ヨサンガク</t>
    </rPh>
    <phoneticPr fontId="5"/>
  </si>
  <si>
    <t>補正予算額</t>
    <rPh sb="0" eb="2">
      <t>ホセイ</t>
    </rPh>
    <rPh sb="2" eb="5">
      <t>ヨサンガク</t>
    </rPh>
    <phoneticPr fontId="5"/>
  </si>
  <si>
    <r>
      <t>継続費及び繰
越事業費繰越
財源充当額</t>
    </r>
    <r>
      <rPr>
        <sz val="7"/>
        <color theme="0"/>
        <rFont val="ＭＳ 明朝"/>
        <family val="1"/>
        <charset val="128"/>
      </rPr>
      <t>額</t>
    </r>
    <rPh sb="0" eb="2">
      <t>ケイゾク</t>
    </rPh>
    <rPh sb="2" eb="3">
      <t>ヒ</t>
    </rPh>
    <rPh sb="3" eb="4">
      <t>オヨ</t>
    </rPh>
    <rPh sb="5" eb="6">
      <t>クリ</t>
    </rPh>
    <rPh sb="7" eb="8">
      <t>コエル</t>
    </rPh>
    <rPh sb="8" eb="11">
      <t>ジギョウヒ</t>
    </rPh>
    <rPh sb="11" eb="13">
      <t>クリコシ</t>
    </rPh>
    <rPh sb="14" eb="16">
      <t>ザイゲン</t>
    </rPh>
    <rPh sb="16" eb="18">
      <t>ジュウトウ</t>
    </rPh>
    <rPh sb="18" eb="19">
      <t>ガク</t>
    </rPh>
    <rPh sb="19" eb="20">
      <t>ガク</t>
    </rPh>
    <phoneticPr fontId="5"/>
  </si>
  <si>
    <t>計</t>
    <rPh sb="0" eb="1">
      <t>ケイ</t>
    </rPh>
    <phoneticPr fontId="5"/>
  </si>
  <si>
    <t>節</t>
    <rPh sb="0" eb="1">
      <t>セツ</t>
    </rPh>
    <phoneticPr fontId="5"/>
  </si>
  <si>
    <t>区分</t>
    <rPh sb="0" eb="2">
      <t>クブン</t>
    </rPh>
    <phoneticPr fontId="5"/>
  </si>
  <si>
    <t>金額</t>
    <rPh sb="0" eb="2">
      <t>キンガク</t>
    </rPh>
    <phoneticPr fontId="5"/>
  </si>
  <si>
    <t>円</t>
    <rPh sb="0" eb="1">
      <t>エン</t>
    </rPh>
    <phoneticPr fontId="5"/>
  </si>
  <si>
    <t xml:space="preserve"> 1</t>
  </si>
  <si>
    <t>市町村自治
振興事業収入</t>
    <phoneticPr fontId="2"/>
  </si>
  <si>
    <t>繰越明許額</t>
  </si>
  <si>
    <t>1,077,800,000円</t>
  </si>
  <si>
    <t>7,412,953,000</t>
  </si>
  <si>
    <t>500,000,000</t>
  </si>
  <si>
    <t>1,245,300,000</t>
  </si>
  <si>
    <t>9,158,253,000</t>
  </si>
  <si>
    <t>9,543,872,959</t>
  </si>
  <si>
    <t>0</t>
  </si>
  <si>
    <t>貸付金収入</t>
  </si>
  <si>
    <t>5,150,253,000</t>
  </si>
  <si>
    <t>5,191,178,320</t>
  </si>
  <si>
    <t>貸付金返納</t>
  </si>
  <si>
    <t>市町村振興資金
貸付金返納</t>
    <phoneticPr fontId="2"/>
  </si>
  <si>
    <t xml:space="preserve"> 2</t>
  </si>
  <si>
    <t>繰入金</t>
  </si>
  <si>
    <t>1,996,665,000</t>
  </si>
  <si>
    <t>2,496,665,000</t>
  </si>
  <si>
    <t>2,484,653,791</t>
  </si>
  <si>
    <t>一般会計　　
繰入金</t>
  </si>
  <si>
    <t>1,296,665,000</t>
  </si>
  <si>
    <t>1,284,653,791</t>
  </si>
  <si>
    <t>市町村振興　
事業費繰入金</t>
  </si>
  <si>
    <t>745,901,000</t>
  </si>
  <si>
    <t>権限移譲等　
推進事業費　
繰入金</t>
    <phoneticPr fontId="2"/>
  </si>
  <si>
    <t>550,764,000</t>
  </si>
  <si>
    <t>538,752,791</t>
  </si>
  <si>
    <t>公営競技収益
配分金等管理
会計繰入金</t>
    <phoneticPr fontId="2"/>
  </si>
  <si>
    <t>700,000,000</t>
  </si>
  <si>
    <t>1,200,000,000</t>
  </si>
  <si>
    <t xml:space="preserve"> 3</t>
  </si>
  <si>
    <t>繰越金</t>
  </si>
  <si>
    <t>265,835,000</t>
  </si>
  <si>
    <t>1,511,135,000</t>
  </si>
  <si>
    <t>1,866,213,859</t>
  </si>
  <si>
    <t xml:space="preserve"> 4</t>
  </si>
  <si>
    <t>諸収入</t>
  </si>
  <si>
    <t>200,000</t>
  </si>
  <si>
    <t>1,826,989</t>
  </si>
  <si>
    <t>預金利子</t>
  </si>
  <si>
    <t>20,411</t>
  </si>
  <si>
    <t>雑入</t>
  </si>
  <si>
    <t>1,806,578</t>
  </si>
  <si>
    <t>歳入合計</t>
    <rPh sb="0" eb="2">
      <t>サイニュウ</t>
    </rPh>
    <rPh sb="2" eb="4">
      <t>ゴウケイ</t>
    </rPh>
    <phoneticPr fontId="5"/>
  </si>
  <si>
    <t>繰越額計</t>
    <rPh sb="0" eb="4">
      <t>クリコシガクケイ</t>
    </rPh>
    <phoneticPr fontId="2"/>
  </si>
  <si>
    <t>内収入済額</t>
    <rPh sb="0" eb="4">
      <t>ナイシュウニュウズ</t>
    </rPh>
    <rPh sb="4" eb="5">
      <t>ガク</t>
    </rPh>
    <phoneticPr fontId="2"/>
  </si>
  <si>
    <t>歳　　出</t>
    <rPh sb="0" eb="1">
      <t>トシ</t>
    </rPh>
    <rPh sb="3" eb="4">
      <t>デ</t>
    </rPh>
    <phoneticPr fontId="5"/>
  </si>
  <si>
    <t>市町村自治振興事業会計</t>
    <phoneticPr fontId="2"/>
  </si>
  <si>
    <t>支出済額</t>
    <rPh sb="0" eb="2">
      <t>シシュツ</t>
    </rPh>
    <rPh sb="2" eb="3">
      <t>スミ</t>
    </rPh>
    <rPh sb="3" eb="4">
      <t>ガク</t>
    </rPh>
    <phoneticPr fontId="5"/>
  </si>
  <si>
    <t>翌年度繰越額</t>
    <rPh sb="0" eb="1">
      <t>ヨク</t>
    </rPh>
    <rPh sb="1" eb="3">
      <t>ネンド</t>
    </rPh>
    <rPh sb="3" eb="5">
      <t>クリコシ</t>
    </rPh>
    <rPh sb="5" eb="6">
      <t>ガク</t>
    </rPh>
    <phoneticPr fontId="5"/>
  </si>
  <si>
    <t>不用額</t>
    <rPh sb="0" eb="2">
      <t>フヨウ</t>
    </rPh>
    <rPh sb="2" eb="3">
      <t>ガク</t>
    </rPh>
    <phoneticPr fontId="5"/>
  </si>
  <si>
    <r>
      <t>継続費及び
繰越事業費
繰越額</t>
    </r>
    <r>
      <rPr>
        <sz val="7"/>
        <color theme="0"/>
        <rFont val="ＭＳ 明朝"/>
        <family val="1"/>
        <charset val="128"/>
      </rPr>
      <t>額額</t>
    </r>
    <rPh sb="0" eb="2">
      <t>ケイゾク</t>
    </rPh>
    <rPh sb="2" eb="3">
      <t>ヒ</t>
    </rPh>
    <rPh sb="3" eb="4">
      <t>オヨ</t>
    </rPh>
    <rPh sb="6" eb="8">
      <t>クリコシ</t>
    </rPh>
    <rPh sb="8" eb="11">
      <t>ジギョウヒ</t>
    </rPh>
    <rPh sb="12" eb="14">
      <t>クリコシ</t>
    </rPh>
    <rPh sb="14" eb="15">
      <t>ガク</t>
    </rPh>
    <rPh sb="15" eb="16">
      <t>ガク</t>
    </rPh>
    <rPh sb="16" eb="17">
      <t>ガク</t>
    </rPh>
    <phoneticPr fontId="5"/>
  </si>
  <si>
    <r>
      <t>予備費支出
及び流用増
減</t>
    </r>
    <r>
      <rPr>
        <sz val="7"/>
        <color theme="0"/>
        <rFont val="ＭＳ 明朝"/>
        <family val="1"/>
        <charset val="128"/>
      </rPr>
      <t>減減減減</t>
    </r>
    <rPh sb="0" eb="3">
      <t>ヨビヒ</t>
    </rPh>
    <rPh sb="3" eb="5">
      <t>シシュツ</t>
    </rPh>
    <rPh sb="6" eb="7">
      <t>オヨ</t>
    </rPh>
    <rPh sb="8" eb="10">
      <t>リュウヨウ</t>
    </rPh>
    <rPh sb="10" eb="11">
      <t>ゾウ</t>
    </rPh>
    <rPh sb="12" eb="13">
      <t>ゲン</t>
    </rPh>
    <rPh sb="13" eb="14">
      <t>ゲン</t>
    </rPh>
    <rPh sb="14" eb="15">
      <t>ゲン</t>
    </rPh>
    <rPh sb="15" eb="16">
      <t>ゲン</t>
    </rPh>
    <rPh sb="16" eb="17">
      <t>ゲン</t>
    </rPh>
    <phoneticPr fontId="5"/>
  </si>
  <si>
    <t>継続費
逓次繰越</t>
    <rPh sb="0" eb="2">
      <t>ケイゾク</t>
    </rPh>
    <rPh sb="2" eb="3">
      <t>ヒ</t>
    </rPh>
    <rPh sb="4" eb="5">
      <t>テイ</t>
    </rPh>
    <rPh sb="5" eb="6">
      <t>ジ</t>
    </rPh>
    <rPh sb="6" eb="8">
      <t>クリコシ</t>
    </rPh>
    <phoneticPr fontId="5"/>
  </si>
  <si>
    <t>繰越明許費</t>
    <rPh sb="0" eb="2">
      <t>クリコシ</t>
    </rPh>
    <rPh sb="2" eb="3">
      <t>メイ</t>
    </rPh>
    <rPh sb="3" eb="4">
      <t>キョ</t>
    </rPh>
    <rPh sb="4" eb="5">
      <t>ヒ</t>
    </rPh>
    <phoneticPr fontId="5"/>
  </si>
  <si>
    <t>事故繰越し</t>
    <rPh sb="0" eb="2">
      <t>ジコ</t>
    </rPh>
    <rPh sb="2" eb="4">
      <t>クリコシ</t>
    </rPh>
    <phoneticPr fontId="5"/>
  </si>
  <si>
    <t>市町村自治　
振興事業費</t>
  </si>
  <si>
    <t>繰越事業費不用額</t>
  </si>
  <si>
    <t>7,977,743,266</t>
  </si>
  <si>
    <t>1,077,800,000</t>
  </si>
  <si>
    <t>102,709,734</t>
  </si>
  <si>
    <t>17,500,000円</t>
  </si>
  <si>
    <t>市町村振興　
事業費</t>
  </si>
  <si>
    <t>6,622,897,000</t>
  </si>
  <si>
    <t>8,368,197,000</t>
  </si>
  <si>
    <t>7,199,699,089</t>
  </si>
  <si>
    <t>90,697,911</t>
  </si>
  <si>
    <t>10</t>
  </si>
  <si>
    <t>需用費</t>
  </si>
  <si>
    <t>2,374,000</t>
  </si>
  <si>
    <t>2,123,957</t>
  </si>
  <si>
    <t>250,043</t>
  </si>
  <si>
    <t>11</t>
  </si>
  <si>
    <t>役務費</t>
  </si>
  <si>
    <t>318,000</t>
  </si>
  <si>
    <t>13</t>
  </si>
  <si>
    <t>使用料及び　
賃借料</t>
  </si>
  <si>
    <t>205,000</t>
  </si>
  <si>
    <t>192,132</t>
  </si>
  <si>
    <t>12,868</t>
  </si>
  <si>
    <t>18</t>
  </si>
  <si>
    <t>負担金、補助
及び交付金</t>
  </si>
  <si>
    <t>1,820,000,000</t>
  </si>
  <si>
    <t>1,747,065,000</t>
  </si>
  <si>
    <t>72,935,000</t>
  </si>
  <si>
    <t>20</t>
  </si>
  <si>
    <t>貸付金</t>
  </si>
  <si>
    <t>6,545,300,000</t>
  </si>
  <si>
    <t>5,450,000,000</t>
  </si>
  <si>
    <t>17,500,000</t>
  </si>
  <si>
    <t>権限移譲等　
推進事業費</t>
  </si>
  <si>
    <t>12,011,209</t>
  </si>
  <si>
    <t>貸付債権受取
利益移転事業費</t>
    <phoneticPr fontId="2"/>
  </si>
  <si>
    <t>113,873,000</t>
  </si>
  <si>
    <t>113,872,576</t>
  </si>
  <si>
    <t>424</t>
  </si>
  <si>
    <t>公債費</t>
  </si>
  <si>
    <t>125,419,000</t>
  </si>
  <si>
    <t>125,418,810</t>
  </si>
  <si>
    <t>190</t>
  </si>
  <si>
    <t>元金</t>
  </si>
  <si>
    <t>125,400,000</t>
  </si>
  <si>
    <t>27</t>
  </si>
  <si>
    <t>繰出金</t>
  </si>
  <si>
    <t>公債諸費</t>
  </si>
  <si>
    <t>19,000</t>
  </si>
  <si>
    <t>18,810</t>
  </si>
  <si>
    <t>歳出合計</t>
    <rPh sb="0" eb="2">
      <t>サイシュツ</t>
    </rPh>
    <rPh sb="2" eb="4">
      <t>ゴウケイ</t>
    </rPh>
    <phoneticPr fontId="5"/>
  </si>
  <si>
    <t>公債管理特別会計</t>
    <phoneticPr fontId="2"/>
  </si>
  <si>
    <t>公債管理費</t>
  </si>
  <si>
    <t>618,191,063,000</t>
  </si>
  <si>
    <t>△</t>
  </si>
  <si>
    <t>2,935,266,000</t>
  </si>
  <si>
    <t>615,255,797,000</t>
  </si>
  <si>
    <t>615,098,419,201</t>
  </si>
  <si>
    <t>157,377,799</t>
  </si>
  <si>
    <t>公債諸費から流用</t>
  </si>
  <si>
    <t>397,617,681,000</t>
  </si>
  <si>
    <t>881,400</t>
  </si>
  <si>
    <t>397,618,562,400</t>
  </si>
  <si>
    <t>397,618,559,709</t>
  </si>
  <si>
    <t>2,691</t>
  </si>
  <si>
    <t>881,400円</t>
  </si>
  <si>
    <t>22</t>
  </si>
  <si>
    <t>償還金、利子
及び割引料</t>
  </si>
  <si>
    <t>利子</t>
  </si>
  <si>
    <t>30,331,850,000</t>
  </si>
  <si>
    <t>2,713,985,000</t>
  </si>
  <si>
    <t>27,617,865,000</t>
  </si>
  <si>
    <t>27,538,965,056</t>
  </si>
  <si>
    <t>78,899,944</t>
  </si>
  <si>
    <t>元金へ流用</t>
  </si>
  <si>
    <t>1,051,749,000</t>
  </si>
  <si>
    <t>119,803,000</t>
  </si>
  <si>
    <t>931,064,600</t>
  </si>
  <si>
    <t>854,269,878</t>
  </si>
  <si>
    <t>76,794,722</t>
  </si>
  <si>
    <t>△881,400円</t>
  </si>
  <si>
    <t>432,000</t>
  </si>
  <si>
    <t>244,750</t>
  </si>
  <si>
    <t>187,250</t>
  </si>
  <si>
    <t>930,627,600</t>
  </si>
  <si>
    <t>854,020,148</t>
  </si>
  <si>
    <t>76,607,452</t>
  </si>
  <si>
    <t>5,000</t>
  </si>
  <si>
    <t>4,980</t>
  </si>
  <si>
    <t>基金積立金</t>
  </si>
  <si>
    <t>189,189,783,000</t>
  </si>
  <si>
    <t>101,478,000</t>
  </si>
  <si>
    <t>189,088,305,000</t>
  </si>
  <si>
    <t>189,086,624,558</t>
  </si>
  <si>
    <t>1,680,442</t>
  </si>
  <si>
    <t>24</t>
  </si>
  <si>
    <t>積立金</t>
  </si>
  <si>
    <t>令和４年度神奈川県公債管理特</t>
    <rPh sb="13" eb="14">
      <t>トク</t>
    </rPh>
    <phoneticPr fontId="2"/>
  </si>
  <si>
    <t>別会計歳入歳出決算事項別明細書</t>
    <phoneticPr fontId="2"/>
  </si>
  <si>
    <t>公債管理収入</t>
  </si>
  <si>
    <t>財産収入</t>
  </si>
  <si>
    <t>6,856,059,000</t>
  </si>
  <si>
    <t>6,754,581,000</t>
  </si>
  <si>
    <t>6,752,902,058</t>
  </si>
  <si>
    <t>財産運用収入</t>
  </si>
  <si>
    <t>基金運用利子</t>
  </si>
  <si>
    <t>500,936,004,000</t>
  </si>
  <si>
    <t>2,833,788,000</t>
  </si>
  <si>
    <t>498,102,216,000</t>
  </si>
  <si>
    <t>497,946,517,143</t>
  </si>
  <si>
    <t>357,074,438,000</t>
  </si>
  <si>
    <t>2,654,598,000</t>
  </si>
  <si>
    <t>354,419,840,000</t>
  </si>
  <si>
    <t>354,267,225,027</t>
  </si>
  <si>
    <t>特別会計　　
繰入金</t>
  </si>
  <si>
    <t>11,525,285,000</t>
  </si>
  <si>
    <t>77,712,000</t>
  </si>
  <si>
    <t>11,447,573,000</t>
  </si>
  <si>
    <t>11,446,168,058</t>
  </si>
  <si>
    <t>市町村自治振興
事業会計繰入金</t>
    <phoneticPr fontId="2"/>
  </si>
  <si>
    <t>地方独立行政法人
神奈川県立病院機
構資金会計繰入金</t>
    <phoneticPr fontId="2"/>
  </si>
  <si>
    <t>3,628,364,000</t>
  </si>
  <si>
    <t>3,628,363,344</t>
  </si>
  <si>
    <t>県営住宅事業
会計繰入金</t>
  </si>
  <si>
    <t>7,693,790,000</t>
  </si>
  <si>
    <t>7,692,385,904</t>
  </si>
  <si>
    <t>基金繰入金</t>
  </si>
  <si>
    <t>132,336,281,000</t>
  </si>
  <si>
    <t>132,234,803,000</t>
  </si>
  <si>
    <t>132,233,124,058</t>
  </si>
  <si>
    <t>県債管理基金
繰入金</t>
  </si>
  <si>
    <t>県債</t>
  </si>
  <si>
    <t>110,399,000,000</t>
  </si>
  <si>
    <t>借替債</t>
  </si>
  <si>
    <t>一般会計　　
借替債</t>
  </si>
  <si>
    <t>108,556,000,000</t>
  </si>
  <si>
    <t>県営住宅事業
会計借替債</t>
  </si>
  <si>
    <t>1,843,000,000</t>
  </si>
  <si>
    <t>令和４年度神奈川県公営競技収益配分</t>
    <phoneticPr fontId="2"/>
  </si>
  <si>
    <t>金等管理会計歳入歳出決算事項別明細書</t>
  </si>
  <si>
    <t>公営競技収益
配分金等　　
管理収入</t>
    <phoneticPr fontId="2"/>
  </si>
  <si>
    <t>1,400,000,000</t>
  </si>
  <si>
    <t>1,000,000,000</t>
  </si>
  <si>
    <t>2,400,000,000</t>
  </si>
  <si>
    <t>収益配分金　
収入</t>
  </si>
  <si>
    <t>公営競技収益配分金等管理会計</t>
    <phoneticPr fontId="2"/>
  </si>
  <si>
    <t>公営競技収益
配分金等管理費</t>
    <phoneticPr fontId="2"/>
  </si>
  <si>
    <t>一般会計　　
繰出金</t>
  </si>
  <si>
    <t>市町村自治振興
事業会計繰出金</t>
    <phoneticPr fontId="2"/>
  </si>
  <si>
    <t>令和４年度神奈川県地方消費税清</t>
    <rPh sb="14" eb="15">
      <t>キヨ</t>
    </rPh>
    <phoneticPr fontId="2"/>
  </si>
  <si>
    <t>算会計歳入歳出決算事項別明細書</t>
    <phoneticPr fontId="2"/>
  </si>
  <si>
    <t>地方消費税　
清算収入</t>
  </si>
  <si>
    <t>748,751,813,000</t>
  </si>
  <si>
    <t>96,704,781,000</t>
  </si>
  <si>
    <t>845,456,594,000</t>
  </si>
  <si>
    <t>839,981,878,668</t>
  </si>
  <si>
    <t>地方消費税　
収入</t>
  </si>
  <si>
    <t>370,411,922,000</t>
  </si>
  <si>
    <t>72,051,072,000</t>
  </si>
  <si>
    <t>442,462,994,000</t>
  </si>
  <si>
    <t>436,988,405,499</t>
  </si>
  <si>
    <t>譲渡割</t>
  </si>
  <si>
    <t>155,617,043,000</t>
  </si>
  <si>
    <t>6,409,541,000</t>
  </si>
  <si>
    <t>149,207,502,000</t>
  </si>
  <si>
    <t>148,693,176,856</t>
  </si>
  <si>
    <t>現年課税分</t>
  </si>
  <si>
    <t>貨物割</t>
  </si>
  <si>
    <t>214,794,879,000</t>
  </si>
  <si>
    <t>78,460,613,000</t>
  </si>
  <si>
    <t>293,255,492,000</t>
  </si>
  <si>
    <t>288,295,228,643</t>
  </si>
  <si>
    <t>地方消費税　
清算金収入</t>
  </si>
  <si>
    <t>378,339,891,000</t>
  </si>
  <si>
    <t>23,130,195,000</t>
  </si>
  <si>
    <t>401,470,086,000</t>
  </si>
  <si>
    <t>401,469,958,858</t>
  </si>
  <si>
    <t>1,523,514,000</t>
  </si>
  <si>
    <t>1,523,514,311</t>
  </si>
  <si>
    <t>地方消費税清算会計</t>
    <phoneticPr fontId="2"/>
  </si>
  <si>
    <t>地方消費税　
清算費</t>
  </si>
  <si>
    <t>5,474,715,332</t>
  </si>
  <si>
    <t>地方消費税徴収
取扱費負担金</t>
    <phoneticPr fontId="2"/>
  </si>
  <si>
    <t>1,025,665,000</t>
  </si>
  <si>
    <t>164,151,000</t>
  </si>
  <si>
    <t>1,189,816,000</t>
  </si>
  <si>
    <t>1,189,814,386</t>
  </si>
  <si>
    <t>1,614</t>
  </si>
  <si>
    <t>地方消費税　
清算金</t>
  </si>
  <si>
    <t>344,928,646,000</t>
  </si>
  <si>
    <t>51,267,060,000</t>
  </si>
  <si>
    <t>396,195,706,000</t>
  </si>
  <si>
    <t>396,195,704,858</t>
  </si>
  <si>
    <t>1,142</t>
  </si>
  <si>
    <t>402,797,502,000</t>
  </si>
  <si>
    <t>45,273,570,000</t>
  </si>
  <si>
    <t>448,071,072,000</t>
  </si>
  <si>
    <t>442,596,359,424</t>
  </si>
  <si>
    <t>5,474,712,576</t>
  </si>
  <si>
    <t>令和４年度神奈川県災害救助基</t>
    <phoneticPr fontId="2"/>
  </si>
  <si>
    <t>金会計歳入歳出決算事項別明細書</t>
  </si>
  <si>
    <t>災害救助基金</t>
  </si>
  <si>
    <t>547,182,000</t>
  </si>
  <si>
    <t>5,143,000</t>
  </si>
  <si>
    <t>542,039,000</t>
  </si>
  <si>
    <t>135,360</t>
  </si>
  <si>
    <t>6,143,000</t>
  </si>
  <si>
    <t>1,000,000</t>
  </si>
  <si>
    <t>国庫支出金</t>
  </si>
  <si>
    <t>282,508,000</t>
  </si>
  <si>
    <t>国庫負担金</t>
  </si>
  <si>
    <t>救助費　　　
国庫負担金</t>
  </si>
  <si>
    <t>258,528,000</t>
  </si>
  <si>
    <t>1,000</t>
  </si>
  <si>
    <t xml:space="preserve"> 5</t>
  </si>
  <si>
    <t>2,000</t>
  </si>
  <si>
    <t>災害救助基金会計</t>
    <phoneticPr fontId="2"/>
  </si>
  <si>
    <t>災害救助費</t>
  </si>
  <si>
    <t>541,903,640</t>
  </si>
  <si>
    <t>救助費</t>
  </si>
  <si>
    <t>541,039,000</t>
  </si>
  <si>
    <t>報酬</t>
  </si>
  <si>
    <t>2,288,000</t>
  </si>
  <si>
    <t xml:space="preserve"> 8</t>
  </si>
  <si>
    <t>旅費</t>
  </si>
  <si>
    <t>5,000,000</t>
  </si>
  <si>
    <t>24,043,000</t>
  </si>
  <si>
    <t>9,985,000</t>
  </si>
  <si>
    <t>12</t>
  </si>
  <si>
    <t>委託料</t>
  </si>
  <si>
    <t>84,072,000</t>
  </si>
  <si>
    <t>75,401,000</t>
  </si>
  <si>
    <t>329,050,000</t>
  </si>
  <si>
    <t>11,200,000</t>
  </si>
  <si>
    <t>財産費</t>
  </si>
  <si>
    <t>864,640</t>
  </si>
  <si>
    <t>令和４年度神奈川県恩賜記念林業振</t>
    <phoneticPr fontId="2"/>
  </si>
  <si>
    <t>興資金会計歳入歳出決算事項別明細書</t>
  </si>
  <si>
    <t>林業振興　　
資金収入</t>
  </si>
  <si>
    <t>142,777,000</t>
  </si>
  <si>
    <t>216,900,529</t>
  </si>
  <si>
    <t>43,192,000</t>
  </si>
  <si>
    <t>117,258,756</t>
  </si>
  <si>
    <t>99,584,000</t>
  </si>
  <si>
    <t>99,641,214</t>
  </si>
  <si>
    <t>559</t>
  </si>
  <si>
    <t>恩賜記念林業振興資金会計</t>
    <phoneticPr fontId="2"/>
  </si>
  <si>
    <t>林業振興資金</t>
  </si>
  <si>
    <t>109,000,000</t>
  </si>
  <si>
    <t>33,777,000</t>
  </si>
  <si>
    <t>林業振興資金
貸付金</t>
  </si>
  <si>
    <t>事務費</t>
  </si>
  <si>
    <t>60,000</t>
  </si>
  <si>
    <t>貸付事務費</t>
  </si>
  <si>
    <t>44,000</t>
  </si>
  <si>
    <t>16,000</t>
  </si>
  <si>
    <t>予備費</t>
  </si>
  <si>
    <t>33,717,000</t>
  </si>
  <si>
    <t>林業改善資金会計</t>
    <phoneticPr fontId="2"/>
  </si>
  <si>
    <t>林業改善資金</t>
  </si>
  <si>
    <t>67,758,000</t>
  </si>
  <si>
    <t>14,820,940</t>
  </si>
  <si>
    <t>52,937,060</t>
  </si>
  <si>
    <t>35,200,000</t>
  </si>
  <si>
    <t>12,200,000</t>
  </si>
  <si>
    <t>23,000,000</t>
  </si>
  <si>
    <t>林業木材産業
改善資金貸付金</t>
    <phoneticPr fontId="2"/>
  </si>
  <si>
    <t>30,000,000</t>
  </si>
  <si>
    <t>7,000,000</t>
  </si>
  <si>
    <t>諸費</t>
  </si>
  <si>
    <t>5,200,000</t>
  </si>
  <si>
    <t>20,940</t>
  </si>
  <si>
    <t>39,060</t>
  </si>
  <si>
    <t xml:space="preserve"> 7</t>
  </si>
  <si>
    <t>報償費</t>
  </si>
  <si>
    <t>45,000</t>
  </si>
  <si>
    <t>15,000</t>
  </si>
  <si>
    <t>30,000</t>
  </si>
  <si>
    <t>9,000</t>
  </si>
  <si>
    <t>6,000</t>
  </si>
  <si>
    <t>5,940</t>
  </si>
  <si>
    <t>60</t>
  </si>
  <si>
    <t>2,600,000</t>
  </si>
  <si>
    <t>29,898,000</t>
  </si>
  <si>
    <t>令和４年度神奈川県林業改善資</t>
    <phoneticPr fontId="2"/>
  </si>
  <si>
    <t>林業改善　　
資金収入</t>
  </si>
  <si>
    <t>75,719,178</t>
  </si>
  <si>
    <t>10,228,000</t>
  </si>
  <si>
    <t>57,469,000</t>
  </si>
  <si>
    <t>65,469,556</t>
  </si>
  <si>
    <t>682</t>
  </si>
  <si>
    <t>令和４年度神奈川県水源環境保全・再</t>
    <phoneticPr fontId="2"/>
  </si>
  <si>
    <t>生事業会計歳入歳出決算事項別明細書</t>
  </si>
  <si>
    <t>水源環境保全・
再生事業収入</t>
    <phoneticPr fontId="2"/>
  </si>
  <si>
    <t>184,794,447円</t>
  </si>
  <si>
    <t>8,633,162,000</t>
  </si>
  <si>
    <t>54,685,000</t>
  </si>
  <si>
    <t>110,197,320</t>
  </si>
  <si>
    <t>8,688,674,320</t>
  </si>
  <si>
    <t>8,416,850,591</t>
  </si>
  <si>
    <t>事故繰越額</t>
  </si>
  <si>
    <t>16,382,300円</t>
  </si>
  <si>
    <t>20,000</t>
  </si>
  <si>
    <t>18,379</t>
  </si>
  <si>
    <t>寄附金</t>
  </si>
  <si>
    <t>130,000</t>
  </si>
  <si>
    <t>890,000</t>
  </si>
  <si>
    <t>1,020,000</t>
  </si>
  <si>
    <t>2,883,291</t>
  </si>
  <si>
    <t>水源環境保全・
再生指定寄附金</t>
    <phoneticPr fontId="2"/>
  </si>
  <si>
    <t>8,632,796,000</t>
  </si>
  <si>
    <t>58,398,000</t>
  </si>
  <si>
    <t>8,574,398,000</t>
  </si>
  <si>
    <t>8,300,427,403</t>
  </si>
  <si>
    <t>一般会計
繰入金</t>
    <phoneticPr fontId="2"/>
  </si>
  <si>
    <t>4,228,325,000</t>
  </si>
  <si>
    <t>203,645,000</t>
  </si>
  <si>
    <t>4,431,970,000</t>
  </si>
  <si>
    <t>4,404,471,000</t>
  </si>
  <si>
    <t>262,043,000</t>
  </si>
  <si>
    <t>4,142,428,000</t>
  </si>
  <si>
    <t>3,868,457,403</t>
  </si>
  <si>
    <t>水源環境保全・
再生基金繰入金</t>
    <phoneticPr fontId="2"/>
  </si>
  <si>
    <t>216,000</t>
  </si>
  <si>
    <t>500,955</t>
  </si>
  <si>
    <t>8,000</t>
  </si>
  <si>
    <t>9,626</t>
  </si>
  <si>
    <t>立替収入</t>
  </si>
  <si>
    <t>208,000</t>
  </si>
  <si>
    <t>237,409</t>
  </si>
  <si>
    <t>253,920</t>
  </si>
  <si>
    <t>2,823,000</t>
  </si>
  <si>
    <t>113,020,320</t>
  </si>
  <si>
    <t>113,020,563</t>
  </si>
  <si>
    <t>201,176,747円</t>
    <rPh sb="11" eb="12">
      <t>エン</t>
    </rPh>
    <phoneticPr fontId="2"/>
  </si>
  <si>
    <t>内収入済額</t>
    <rPh sb="0" eb="4">
      <t>ウチシュウニュウズミ</t>
    </rPh>
    <rPh sb="4" eb="5">
      <t>ガク</t>
    </rPh>
    <phoneticPr fontId="2"/>
  </si>
  <si>
    <t>水源環境保全・再生事業会計</t>
    <phoneticPr fontId="2"/>
  </si>
  <si>
    <t>水源環境保全・
再生事業費</t>
    <phoneticPr fontId="2"/>
  </si>
  <si>
    <t>8,213,506,550</t>
  </si>
  <si>
    <t>184,794,447</t>
  </si>
  <si>
    <t>16,382,300</t>
  </si>
  <si>
    <t>273,991,023</t>
  </si>
  <si>
    <t>8,526円</t>
  </si>
  <si>
    <t>保全・再生　
事業費</t>
  </si>
  <si>
    <t>4,404,687,000</t>
  </si>
  <si>
    <t>259,220,000</t>
  </si>
  <si>
    <t>4,255,664,320</t>
  </si>
  <si>
    <t>3,780,496,550</t>
  </si>
  <si>
    <t>市町村事業　
推進費</t>
  </si>
  <si>
    <t>1,710,429,000</t>
  </si>
  <si>
    <t>105,265,000</t>
  </si>
  <si>
    <t>41,000,000</t>
  </si>
  <si>
    <t>1,646,164,000</t>
  </si>
  <si>
    <t>1,527,159,000</t>
  </si>
  <si>
    <t>27,600,000</t>
  </si>
  <si>
    <t>91,405,000</t>
  </si>
  <si>
    <t>水源環境　　
調査費</t>
  </si>
  <si>
    <t>185,562,000</t>
  </si>
  <si>
    <t>11,534,000</t>
  </si>
  <si>
    <t>174,028,000</t>
  </si>
  <si>
    <t>158,038,225</t>
  </si>
  <si>
    <t>15,989,775</t>
  </si>
  <si>
    <t>11,471,000</t>
  </si>
  <si>
    <t>11,410,709</t>
  </si>
  <si>
    <t>60,291</t>
  </si>
  <si>
    <t>職員手当等</t>
  </si>
  <si>
    <t>1,866,000</t>
  </si>
  <si>
    <t>1,812,352</t>
  </si>
  <si>
    <t>53,648</t>
  </si>
  <si>
    <t>共済費</t>
  </si>
  <si>
    <t>1,813,000</t>
  </si>
  <si>
    <t>1,729,150</t>
  </si>
  <si>
    <t>83,850</t>
  </si>
  <si>
    <t>90,000</t>
  </si>
  <si>
    <t>1,180,000</t>
  </si>
  <si>
    <t>782,090</t>
  </si>
  <si>
    <t>397,910</t>
  </si>
  <si>
    <t>13,200,000</t>
  </si>
  <si>
    <t>12,335,125</t>
  </si>
  <si>
    <t>864,875</t>
  </si>
  <si>
    <t>5,425,000</t>
  </si>
  <si>
    <t>3,742,789</t>
  </si>
  <si>
    <t>1,682,211</t>
  </si>
  <si>
    <t>126,074,000</t>
  </si>
  <si>
    <t>117,771,462</t>
  </si>
  <si>
    <t>8,302,538</t>
  </si>
  <si>
    <t>5,509,000</t>
  </si>
  <si>
    <t>5,235,764</t>
  </si>
  <si>
    <t>273,236</t>
  </si>
  <si>
    <t>14</t>
  </si>
  <si>
    <t>工事請負費</t>
  </si>
  <si>
    <t>4,000,000</t>
  </si>
  <si>
    <t>17</t>
  </si>
  <si>
    <t>備品購入費</t>
  </si>
  <si>
    <t>3,400,000</t>
  </si>
  <si>
    <t>3,218,784</t>
  </si>
  <si>
    <t>181,216</t>
  </si>
  <si>
    <t>水源環境保全・
再生活動費</t>
    <phoneticPr fontId="2"/>
  </si>
  <si>
    <t>62,768,000</t>
  </si>
  <si>
    <t>19,513,000</t>
  </si>
  <si>
    <t>43,255,000</t>
  </si>
  <si>
    <t>41,562,130</t>
  </si>
  <si>
    <t>1,692,870</t>
  </si>
  <si>
    <t>2,155,000</t>
  </si>
  <si>
    <t>2,153,429</t>
  </si>
  <si>
    <t>1,571</t>
  </si>
  <si>
    <t>304,000</t>
  </si>
  <si>
    <t>303,678</t>
  </si>
  <si>
    <t>322</t>
  </si>
  <si>
    <t>443,000</t>
  </si>
  <si>
    <t>440,881</t>
  </si>
  <si>
    <t>2,119</t>
  </si>
  <si>
    <t>6,036,000</t>
  </si>
  <si>
    <t>5,952,000</t>
  </si>
  <si>
    <t>84,000</t>
  </si>
  <si>
    <t>1,501,000</t>
  </si>
  <si>
    <t>1,088,915</t>
  </si>
  <si>
    <t>412,085</t>
  </si>
  <si>
    <t>2,831,000</t>
  </si>
  <si>
    <t>2,435,930</t>
  </si>
  <si>
    <t>395,070</t>
  </si>
  <si>
    <t>2,659,000</t>
  </si>
  <si>
    <t>2,606,795</t>
  </si>
  <si>
    <t>52,205</t>
  </si>
  <si>
    <t>25,800,000</t>
  </si>
  <si>
    <t>25,491,345</t>
  </si>
  <si>
    <t>308,655</t>
  </si>
  <si>
    <t>804,000</t>
  </si>
  <si>
    <t>604,157</t>
  </si>
  <si>
    <t>199,843</t>
  </si>
  <si>
    <t>722,000</t>
  </si>
  <si>
    <t>485,000</t>
  </si>
  <si>
    <t>237,000</t>
  </si>
  <si>
    <t>自然保護費</t>
  </si>
  <si>
    <t>327,312,000</t>
  </si>
  <si>
    <t>33,802,000</t>
  </si>
  <si>
    <t>293,510,000</t>
  </si>
  <si>
    <t>251,395,728</t>
  </si>
  <si>
    <t>42,114,272</t>
  </si>
  <si>
    <t>18,264,000</t>
  </si>
  <si>
    <t>17,672,493</t>
  </si>
  <si>
    <t>591,507</t>
  </si>
  <si>
    <t>2,917,000</t>
  </si>
  <si>
    <t>2,392,572</t>
  </si>
  <si>
    <t>524,428</t>
  </si>
  <si>
    <t>2,286,000</t>
  </si>
  <si>
    <t>2,257,292</t>
  </si>
  <si>
    <t>28,708</t>
  </si>
  <si>
    <t>270,000</t>
  </si>
  <si>
    <t>166,000</t>
  </si>
  <si>
    <t>104,000</t>
  </si>
  <si>
    <t>3,215,000</t>
  </si>
  <si>
    <t>1,910,599</t>
  </si>
  <si>
    <t>1,304,401</t>
  </si>
  <si>
    <t>19,152,000</t>
  </si>
  <si>
    <t>15,367,580</t>
  </si>
  <si>
    <t>3,784,420</t>
  </si>
  <si>
    <t>9,438,000</t>
  </si>
  <si>
    <t>5,072,058</t>
  </si>
  <si>
    <t>4,365,942</t>
  </si>
  <si>
    <t>228,082,000</t>
  </si>
  <si>
    <t>199,234,092</t>
  </si>
  <si>
    <t>28,847,908</t>
  </si>
  <si>
    <t>4,836,000</t>
  </si>
  <si>
    <t>3,523,772</t>
  </si>
  <si>
    <t>1,312,228</t>
  </si>
  <si>
    <t>2,350,000</t>
  </si>
  <si>
    <t>1,348,270</t>
  </si>
  <si>
    <t>1,001,730</t>
  </si>
  <si>
    <t>2,700,000</t>
  </si>
  <si>
    <t>2,451,000</t>
  </si>
  <si>
    <t>249,000</t>
  </si>
  <si>
    <t>水源林環境費</t>
  </si>
  <si>
    <t>2,075,736,000</t>
  </si>
  <si>
    <t>89,106,000</t>
  </si>
  <si>
    <t>69,197,320</t>
  </si>
  <si>
    <t>2,055,827,320</t>
  </si>
  <si>
    <t>1,764,047,940</t>
  </si>
  <si>
    <t>157,194,447</t>
  </si>
  <si>
    <t>118,202,633</t>
  </si>
  <si>
    <t>36,917,012</t>
  </si>
  <si>
    <t>35,767,957</t>
  </si>
  <si>
    <t>1,149,055</t>
  </si>
  <si>
    <t>4,653,988</t>
  </si>
  <si>
    <t>3,796,222</t>
  </si>
  <si>
    <t>857,766</t>
  </si>
  <si>
    <t>6,329,000</t>
  </si>
  <si>
    <t>5,403,384</t>
  </si>
  <si>
    <t>925,616</t>
  </si>
  <si>
    <t>19,594,000</t>
  </si>
  <si>
    <t>19,572,800</t>
  </si>
  <si>
    <t>21,200</t>
  </si>
  <si>
    <t>4,009,000</t>
  </si>
  <si>
    <t>2,817,891</t>
  </si>
  <si>
    <t>1,191,109</t>
  </si>
  <si>
    <t>19,438,000</t>
  </si>
  <si>
    <t>15,837,601</t>
  </si>
  <si>
    <t>3,600,399</t>
  </si>
  <si>
    <t>324,510,500</t>
  </si>
  <si>
    <t>298,726,227</t>
  </si>
  <si>
    <t>25,784,273</t>
  </si>
  <si>
    <t>133,867,500</t>
  </si>
  <si>
    <t>124,251,896</t>
  </si>
  <si>
    <t>9,615,604</t>
  </si>
  <si>
    <t>8,783,500</t>
  </si>
  <si>
    <t>8,119,541</t>
  </si>
  <si>
    <t>663,959</t>
  </si>
  <si>
    <t>422,784,260</t>
  </si>
  <si>
    <t>247,339,135</t>
  </si>
  <si>
    <t>1,868,378</t>
  </si>
  <si>
    <t>1,074,596,000</t>
  </si>
  <si>
    <t>1,002,138,200</t>
  </si>
  <si>
    <t>72,457,800</t>
  </si>
  <si>
    <t>21</t>
  </si>
  <si>
    <t>補償、補塡　
及び賠償金</t>
  </si>
  <si>
    <t>344,560</t>
  </si>
  <si>
    <t>277,086</t>
  </si>
  <si>
    <t>67,474</t>
  </si>
  <si>
    <t xml:space="preserve"> 6</t>
  </si>
  <si>
    <t>流域保全　　
対策費</t>
  </si>
  <si>
    <t>42,880,000</t>
  </si>
  <si>
    <t>38,293,527</t>
  </si>
  <si>
    <t>4,586,473</t>
  </si>
  <si>
    <t>4,228,475,000</t>
  </si>
  <si>
    <t>204,535,000</t>
  </si>
  <si>
    <t>4,433,010,000</t>
  </si>
  <si>
    <t>令和４年度神奈川県沿岸漁業改善</t>
    <phoneticPr fontId="2"/>
  </si>
  <si>
    <t>資金会計歳入歳出決算事項別明細書</t>
  </si>
  <si>
    <t>沿岸漁業改善
資金収入</t>
  </si>
  <si>
    <t>158,882,000</t>
  </si>
  <si>
    <t>165,388,737</t>
  </si>
  <si>
    <t>23,062,000</t>
  </si>
  <si>
    <t>21,888,000</t>
  </si>
  <si>
    <t>879,000</t>
  </si>
  <si>
    <t>268,381</t>
  </si>
  <si>
    <t>134,940,000</t>
  </si>
  <si>
    <t>143,230,940</t>
  </si>
  <si>
    <t>1,416</t>
  </si>
  <si>
    <t>沿岸漁業改善資金会計</t>
    <phoneticPr fontId="2"/>
  </si>
  <si>
    <t>沿岸漁業改善
資金</t>
    <phoneticPr fontId="2"/>
  </si>
  <si>
    <t>18,848,381</t>
  </si>
  <si>
    <t>140,033,619</t>
  </si>
  <si>
    <t>50,000,000</t>
  </si>
  <si>
    <t>3,580,000</t>
  </si>
  <si>
    <t>46,420,000</t>
  </si>
  <si>
    <t>沿岸漁業改善
資金貸付金</t>
  </si>
  <si>
    <t>610,619</t>
  </si>
  <si>
    <t>109,000</t>
  </si>
  <si>
    <t>108,617</t>
  </si>
  <si>
    <t>383</t>
  </si>
  <si>
    <t>14,000</t>
  </si>
  <si>
    <t>750,000</t>
  </si>
  <si>
    <t>159,764</t>
  </si>
  <si>
    <t>590,236</t>
  </si>
  <si>
    <t>返納金</t>
  </si>
  <si>
    <t>10,000,000</t>
  </si>
  <si>
    <t>国庫返納金</t>
  </si>
  <si>
    <t>93,003,000</t>
  </si>
  <si>
    <t>令和４年度神奈川県介護保険財政安定</t>
    <phoneticPr fontId="2"/>
  </si>
  <si>
    <t>化基金会計歳入歳出決算事項別明細書</t>
  </si>
  <si>
    <t>介護保険財政
安定化基金</t>
  </si>
  <si>
    <t>5,801,000</t>
  </si>
  <si>
    <t>5,653,000</t>
  </si>
  <si>
    <t>148,000</t>
  </si>
  <si>
    <t>128,423</t>
  </si>
  <si>
    <t>5,800,000</t>
  </si>
  <si>
    <t>147,000</t>
  </si>
  <si>
    <t>介護保険財政安定化基金会計</t>
    <phoneticPr fontId="2"/>
  </si>
  <si>
    <t>介護保険財政
安定化費</t>
  </si>
  <si>
    <t>19,577</t>
  </si>
  <si>
    <t>令和４年度神奈川県母子父子寡婦福</t>
    <phoneticPr fontId="2"/>
  </si>
  <si>
    <t>祉資金会計歳入歳出決算事項別明細書</t>
  </si>
  <si>
    <t>母子父子寡婦
福祉資金収入</t>
  </si>
  <si>
    <t>×</t>
  </si>
  <si>
    <t>4</t>
  </si>
  <si>
    <t>877,992,000</t>
  </si>
  <si>
    <t>2,193,543,199</t>
  </si>
  <si>
    <t>1,326,165,701</t>
  </si>
  <si>
    <t>43,203,256</t>
  </si>
  <si>
    <t>824,174,246</t>
  </si>
  <si>
    <t>441,850,000</t>
  </si>
  <si>
    <t>1,484,408,797</t>
  </si>
  <si>
    <t>621,991,198</t>
  </si>
  <si>
    <t>42,024,669</t>
  </si>
  <si>
    <t>820,392,934</t>
  </si>
  <si>
    <t>母子父子寡婦
福祉資金　　
貸付金返納</t>
    <phoneticPr fontId="2"/>
  </si>
  <si>
    <t>16,778,000</t>
  </si>
  <si>
    <t>417,853,000</t>
  </si>
  <si>
    <t>684,271,148</t>
  </si>
  <si>
    <t>1,511,000</t>
  </si>
  <si>
    <t>8,085,254</t>
  </si>
  <si>
    <t>3,125,355</t>
  </si>
  <si>
    <t>1,178,587</t>
  </si>
  <si>
    <t>3,781,312</t>
  </si>
  <si>
    <t>8,166</t>
  </si>
  <si>
    <t>1,510,000</t>
  </si>
  <si>
    <t>8,077,088</t>
  </si>
  <si>
    <t>3,117,189</t>
  </si>
  <si>
    <t>違約金</t>
  </si>
  <si>
    <t>母子父子寡婦福祉資金会計</t>
    <phoneticPr fontId="2"/>
  </si>
  <si>
    <t>母子父子寡婦
福祉資金</t>
  </si>
  <si>
    <t>213,008,535</t>
  </si>
  <si>
    <t>664,983,465</t>
  </si>
  <si>
    <t>366,088,000</t>
  </si>
  <si>
    <t>196,410,160</t>
  </si>
  <si>
    <t>169,677,840</t>
  </si>
  <si>
    <t>母子父子寡婦
福祉資金貸付金</t>
    <phoneticPr fontId="2"/>
  </si>
  <si>
    <t>18,729,000</t>
  </si>
  <si>
    <t>16,598,375</t>
  </si>
  <si>
    <t>2,130,625</t>
  </si>
  <si>
    <t>1,914,000</t>
  </si>
  <si>
    <t>1,801,649</t>
  </si>
  <si>
    <t>112,351</t>
  </si>
  <si>
    <t>327,000</t>
  </si>
  <si>
    <t>210,852</t>
  </si>
  <si>
    <t>116,148</t>
  </si>
  <si>
    <t>395,000</t>
  </si>
  <si>
    <t>327,134</t>
  </si>
  <si>
    <t>67,866</t>
  </si>
  <si>
    <t>246,000</t>
  </si>
  <si>
    <t>158,409</t>
  </si>
  <si>
    <t>87,591</t>
  </si>
  <si>
    <t>1,471,000</t>
  </si>
  <si>
    <t>789,872</t>
  </si>
  <si>
    <t>681,128</t>
  </si>
  <si>
    <t>1,192,000</t>
  </si>
  <si>
    <t>813,843</t>
  </si>
  <si>
    <t>378,157</t>
  </si>
  <si>
    <t>6,755,000</t>
  </si>
  <si>
    <t>6,118,860</t>
  </si>
  <si>
    <t>636,140</t>
  </si>
  <si>
    <t>6,379,000</t>
  </si>
  <si>
    <t>6,377,756</t>
  </si>
  <si>
    <t>1,244</t>
  </si>
  <si>
    <t>50,000</t>
  </si>
  <si>
    <t>493,175,000</t>
  </si>
  <si>
    <t>令和４年度神奈川県国民健康保険</t>
    <phoneticPr fontId="2"/>
  </si>
  <si>
    <t>事業会計歳入歳出決算事項別明細書</t>
  </si>
  <si>
    <t>国民健康保険
事業収入</t>
  </si>
  <si>
    <t>697,938,994,000</t>
  </si>
  <si>
    <t>32,479,333,000</t>
  </si>
  <si>
    <t>730,418,327,000</t>
  </si>
  <si>
    <t>718,960,956,121</t>
  </si>
  <si>
    <t>分担金及び　
負担金</t>
  </si>
  <si>
    <t>244,529,469,000</t>
  </si>
  <si>
    <t>244,529,469,493</t>
  </si>
  <si>
    <t>負担金</t>
  </si>
  <si>
    <t>国民健康保険
事業費納付金</t>
  </si>
  <si>
    <t>182,079,810,000</t>
  </si>
  <si>
    <t>5,349,676,000</t>
  </si>
  <si>
    <t>187,429,486,000</t>
  </si>
  <si>
    <t>192,937,786,702</t>
  </si>
  <si>
    <t>148,892,044,000</t>
  </si>
  <si>
    <t>3,334,456,000</t>
  </si>
  <si>
    <t>152,226,500,000</t>
  </si>
  <si>
    <t>155,341,150,702</t>
  </si>
  <si>
    <t>療養給付費等
負担金</t>
  </si>
  <si>
    <t>144,556,952,000</t>
  </si>
  <si>
    <t>147,691,136,728</t>
  </si>
  <si>
    <t>高額医療費　
負担金</t>
  </si>
  <si>
    <t>6,550,722,000</t>
  </si>
  <si>
    <t>6,531,187,974</t>
  </si>
  <si>
    <t>特別高額医療費
共同事業費
負担金</t>
    <phoneticPr fontId="2"/>
  </si>
  <si>
    <t>401,229,000</t>
  </si>
  <si>
    <t>特定健康診査等
負担金</t>
    <phoneticPr fontId="2"/>
  </si>
  <si>
    <t>717,597,000</t>
  </si>
  <si>
    <t>国庫補助金</t>
  </si>
  <si>
    <t>33,187,766,000</t>
  </si>
  <si>
    <t>2,015,220,000</t>
  </si>
  <si>
    <t>35,202,986,000</t>
  </si>
  <si>
    <t>37,596,636,000</t>
  </si>
  <si>
    <t>調整交付金</t>
  </si>
  <si>
    <t>26,870,116,000</t>
  </si>
  <si>
    <t>29,264,737,000</t>
  </si>
  <si>
    <t>保険者努力
支援制度交付金</t>
    <phoneticPr fontId="2"/>
  </si>
  <si>
    <t>8,332,870,000</t>
  </si>
  <si>
    <t>8,331,899,000</t>
  </si>
  <si>
    <t>23,334,000</t>
  </si>
  <si>
    <t>22,534,000</t>
  </si>
  <si>
    <t>800,000</t>
  </si>
  <si>
    <t>453,027</t>
  </si>
  <si>
    <t>60,033,277,000</t>
  </si>
  <si>
    <t>18,573,441,000</t>
  </si>
  <si>
    <t>78,606,718,000</t>
  </si>
  <si>
    <t>62,091,598,118</t>
  </si>
  <si>
    <t>49,683,895,000</t>
  </si>
  <si>
    <t>241,614,000</t>
  </si>
  <si>
    <t>49,925,509,000</t>
  </si>
  <si>
    <t>49,771,491,726</t>
  </si>
  <si>
    <t>10,349,382,000</t>
  </si>
  <si>
    <t>18,331,827,000</t>
  </si>
  <si>
    <t>28,681,209,000</t>
  </si>
  <si>
    <t>12,320,106,392</t>
  </si>
  <si>
    <t>財政安定化　
基金繰入金</t>
  </si>
  <si>
    <t>211,273,104,000</t>
  </si>
  <si>
    <t>979,292,000</t>
  </si>
  <si>
    <t>212,252,396,000</t>
  </si>
  <si>
    <t>211,802,191,603</t>
  </si>
  <si>
    <t>前期高齢者　
交付収入</t>
  </si>
  <si>
    <t>209,619,669,000</t>
  </si>
  <si>
    <t>210,598,961,000</t>
  </si>
  <si>
    <t>210,598,961,706</t>
  </si>
  <si>
    <t>特別高額医療費
共同事業　
交付収入</t>
    <phoneticPr fontId="2"/>
  </si>
  <si>
    <t>1,643,101,000</t>
  </si>
  <si>
    <t>1,191,686,063</t>
  </si>
  <si>
    <t>貸付金　　　
元利収入</t>
  </si>
  <si>
    <t>10,334,000</t>
  </si>
  <si>
    <t>療養給付費等
交付収入</t>
  </si>
  <si>
    <t>907,000</t>
  </si>
  <si>
    <t>国民健康保険事業会計</t>
  </si>
  <si>
    <t>294,071</t>
  </si>
  <si>
    <t>8,763</t>
  </si>
  <si>
    <t>7,599,458,000</t>
  </si>
  <si>
    <t>7,599,457,178</t>
  </si>
  <si>
    <t>国民健康保険事業会計</t>
    <phoneticPr fontId="2"/>
  </si>
  <si>
    <t>国民健康保険
事業費</t>
  </si>
  <si>
    <t>715,305,193,857</t>
  </si>
  <si>
    <t>15,113,133,143</t>
  </si>
  <si>
    <t>697,745,326,000</t>
  </si>
  <si>
    <t>26,168,506,000</t>
  </si>
  <si>
    <t>723,913,832,000</t>
  </si>
  <si>
    <t>712,951,045,830</t>
  </si>
  <si>
    <t>10,962,786,170</t>
  </si>
  <si>
    <t>国民健康保険
支出金</t>
  </si>
  <si>
    <t>697,299,762,000</t>
  </si>
  <si>
    <t>16,337,459,000</t>
  </si>
  <si>
    <t>713,637,221,000</t>
  </si>
  <si>
    <t>702,687,063,059</t>
  </si>
  <si>
    <t>10,950,157,941</t>
  </si>
  <si>
    <t>保健事業費</t>
  </si>
  <si>
    <t>145,564,000</t>
  </si>
  <si>
    <t>15,340,000</t>
  </si>
  <si>
    <t>130,224,000</t>
  </si>
  <si>
    <t>117,597,201</t>
  </si>
  <si>
    <t>12,626,799</t>
  </si>
  <si>
    <t>3,256,000</t>
  </si>
  <si>
    <t>1,943,088</t>
  </si>
  <si>
    <t>1,312,912</t>
  </si>
  <si>
    <t>613,000</t>
  </si>
  <si>
    <t>254,016</t>
  </si>
  <si>
    <t>358,984</t>
  </si>
  <si>
    <t>540,000</t>
  </si>
  <si>
    <t>408,238</t>
  </si>
  <si>
    <t>131,762</t>
  </si>
  <si>
    <t>3,243,000</t>
  </si>
  <si>
    <t>1,200,000</t>
  </si>
  <si>
    <t>2,043,000</t>
  </si>
  <si>
    <t>444,000</t>
  </si>
  <si>
    <t>94,792</t>
  </si>
  <si>
    <t>349,208</t>
  </si>
  <si>
    <t>310,000</t>
  </si>
  <si>
    <t>14,287</t>
  </si>
  <si>
    <t>295,713</t>
  </si>
  <si>
    <t>165,000</t>
  </si>
  <si>
    <t>36,300</t>
  </si>
  <si>
    <t>128,700</t>
  </si>
  <si>
    <t>69,272,000</t>
  </si>
  <si>
    <t>63,411,480</t>
  </si>
  <si>
    <t>5,860,520</t>
  </si>
  <si>
    <t>92,000</t>
  </si>
  <si>
    <t>52,289,000</t>
  </si>
  <si>
    <t>50,235,000</t>
  </si>
  <si>
    <t>2,054,000</t>
  </si>
  <si>
    <t>300,000,000</t>
  </si>
  <si>
    <t>9,846,387,000</t>
  </si>
  <si>
    <t>10,146,387,000</t>
  </si>
  <si>
    <t>10,146,385,570</t>
  </si>
  <si>
    <t>1,430</t>
  </si>
  <si>
    <t>150,000,000</t>
  </si>
  <si>
    <t>財政安定化基金
貸付金</t>
    <phoneticPr fontId="2"/>
  </si>
  <si>
    <t>33,668,000</t>
  </si>
  <si>
    <t>2,320,827,000</t>
  </si>
  <si>
    <t>2,354,495,000</t>
  </si>
  <si>
    <t>2,354,148,027</t>
  </si>
  <si>
    <t>346,973</t>
  </si>
  <si>
    <t>財政安定化基金
積立金</t>
    <phoneticPr fontId="2"/>
  </si>
  <si>
    <t>3,990,000,000</t>
  </si>
  <si>
    <t>4,000,000,000</t>
  </si>
  <si>
    <t>令和４年度地方独立行政法人神奈川県立病院機</t>
    <rPh sb="5" eb="7">
      <t>チホウ</t>
    </rPh>
    <rPh sb="7" eb="13">
      <t>ドクリツギョウセイホウジン</t>
    </rPh>
    <phoneticPr fontId="2"/>
  </si>
  <si>
    <t>構資金会計歳入歳出決算事項別明細書</t>
    <phoneticPr fontId="2"/>
  </si>
  <si>
    <t>病院機構　　
資金収入</t>
  </si>
  <si>
    <t>5,612,438,000</t>
  </si>
  <si>
    <t>871,051,000</t>
  </si>
  <si>
    <t>4,741,387,000</t>
  </si>
  <si>
    <t>4,735,386,275</t>
  </si>
  <si>
    <t>3,646,438,000</t>
  </si>
  <si>
    <t>18,074,000</t>
  </si>
  <si>
    <t>病院機構資金
貸付金返納</t>
  </si>
  <si>
    <t>1,966,000,000</t>
  </si>
  <si>
    <t>853,000,000</t>
  </si>
  <si>
    <t>1,113,000,000</t>
  </si>
  <si>
    <t>1,107,000,000</t>
  </si>
  <si>
    <t>23,000</t>
  </si>
  <si>
    <t>22,931</t>
  </si>
  <si>
    <t>地方独立行政法人神奈川県立病院機構資金会計</t>
    <rPh sb="0" eb="8">
      <t>チホウドクリツギョウセイホウジン</t>
    </rPh>
    <phoneticPr fontId="2"/>
  </si>
  <si>
    <t>病院機構資金</t>
  </si>
  <si>
    <t>6,000,725</t>
  </si>
  <si>
    <t>6,000,000</t>
  </si>
  <si>
    <t>病院機構資金
貸付金</t>
  </si>
  <si>
    <t>656</t>
  </si>
  <si>
    <t>3,161,668,000</t>
  </si>
  <si>
    <t>3,161,667,487</t>
  </si>
  <si>
    <t>513</t>
  </si>
  <si>
    <t>484,770,000</t>
  </si>
  <si>
    <t>466,696,000</t>
  </si>
  <si>
    <t>466,695,857</t>
  </si>
  <si>
    <t>143</t>
  </si>
  <si>
    <t>69</t>
  </si>
  <si>
    <t>令和４年度神奈川県中小企業資</t>
    <phoneticPr fontId="2"/>
  </si>
  <si>
    <t>中小企業　　
資金収入</t>
  </si>
  <si>
    <t>1,729,945,000</t>
  </si>
  <si>
    <t>2,607,359,573</t>
  </si>
  <si>
    <t>2,004,978,239</t>
  </si>
  <si>
    <t>4,350,401</t>
  </si>
  <si>
    <t>598,030,933</t>
  </si>
  <si>
    <t>904,212,000</t>
  </si>
  <si>
    <t>1,775,260,311</t>
  </si>
  <si>
    <t>1,176,820,614</t>
  </si>
  <si>
    <t>594,089,296</t>
  </si>
  <si>
    <t>中小企業高度化
資金貸付金返納</t>
    <phoneticPr fontId="2"/>
  </si>
  <si>
    <t>468,598,000</t>
  </si>
  <si>
    <t>1,123,783,979</t>
  </si>
  <si>
    <t>554,674,683</t>
  </si>
  <si>
    <t>569,109,296</t>
  </si>
  <si>
    <t>小規模企業者等
設備貸与事業
資金貸付金返納</t>
    <phoneticPr fontId="2"/>
  </si>
  <si>
    <t>435,614,000</t>
  </si>
  <si>
    <t>410,341,931</t>
  </si>
  <si>
    <t>小規模企業者等
設備導入資金
貸付金返納</t>
    <phoneticPr fontId="2"/>
  </si>
  <si>
    <t>241,134,401</t>
  </si>
  <si>
    <t>211,804,000</t>
  </si>
  <si>
    <t>24,980,000</t>
  </si>
  <si>
    <t>217,552,000</t>
  </si>
  <si>
    <t>215,932,285</t>
  </si>
  <si>
    <t>388,722,000</t>
  </si>
  <si>
    <t>387,995,454</t>
  </si>
  <si>
    <t>19,459,000</t>
  </si>
  <si>
    <t>29,345,523</t>
  </si>
  <si>
    <t>25,403,886</t>
  </si>
  <si>
    <t>3,941,637</t>
  </si>
  <si>
    <t>3,069</t>
  </si>
  <si>
    <t>19,451,000</t>
  </si>
  <si>
    <t>29,342,454</t>
  </si>
  <si>
    <t>25,400,817</t>
  </si>
  <si>
    <t>240,000</t>
  </si>
  <si>
    <t>4,181,637</t>
  </si>
  <si>
    <t>19,211,000</t>
  </si>
  <si>
    <t>25,160,817</t>
  </si>
  <si>
    <t>200,000,000</t>
  </si>
  <si>
    <t>198,826,000</t>
  </si>
  <si>
    <t>中小企業資金会計</t>
    <phoneticPr fontId="2"/>
  </si>
  <si>
    <t>中小企業資金</t>
  </si>
  <si>
    <t>1,626,067,000</t>
  </si>
  <si>
    <t>103,878,000</t>
  </si>
  <si>
    <t>401,804,000</t>
  </si>
  <si>
    <t>399,456,000</t>
  </si>
  <si>
    <t>2,348,000</t>
  </si>
  <si>
    <t>中小企業高度化
資金貸付金</t>
    <phoneticPr fontId="2"/>
  </si>
  <si>
    <t>1,804,000</t>
  </si>
  <si>
    <t>小規模企業者等
設備貸与事業
資金貸付金</t>
    <phoneticPr fontId="2"/>
  </si>
  <si>
    <t>400,000,000</t>
  </si>
  <si>
    <t>397,652,000</t>
  </si>
  <si>
    <t>事業費</t>
  </si>
  <si>
    <t>12,776,000</t>
  </si>
  <si>
    <t>12,330,285</t>
  </si>
  <si>
    <t>445,715</t>
  </si>
  <si>
    <t>設備貸与　　
事業費</t>
  </si>
  <si>
    <t>197,072,000</t>
  </si>
  <si>
    <t>189,469,846</t>
  </si>
  <si>
    <t>7,602,154</t>
  </si>
  <si>
    <t>3,498,000</t>
  </si>
  <si>
    <t>3,366,000</t>
  </si>
  <si>
    <t>132,000</t>
  </si>
  <si>
    <t>286,000</t>
  </si>
  <si>
    <t>154,000</t>
  </si>
  <si>
    <t>3,212,000</t>
  </si>
  <si>
    <t>193,574,000</t>
  </si>
  <si>
    <t>186,103,846</t>
  </si>
  <si>
    <t>7,470,154</t>
  </si>
  <si>
    <t>560,675,000</t>
  </si>
  <si>
    <t>507,750,332</t>
  </si>
  <si>
    <t>52,924,668</t>
  </si>
  <si>
    <t>557,618,000</t>
  </si>
  <si>
    <t>517,060,537</t>
  </si>
  <si>
    <t>40,557,463</t>
  </si>
  <si>
    <t>549,250,000</t>
  </si>
  <si>
    <t>508,855,671</t>
  </si>
  <si>
    <t>40,394,329</t>
  </si>
  <si>
    <t>8,368,000</t>
  </si>
  <si>
    <t>8,204,866</t>
  </si>
  <si>
    <t>163,134</t>
  </si>
  <si>
    <t>令和４年度神奈川県県営住宅事</t>
    <phoneticPr fontId="2"/>
  </si>
  <si>
    <t>業会計歳入歳出決算事項別明細書</t>
  </si>
  <si>
    <t>県営住宅　　
事業収入</t>
  </si>
  <si>
    <t>3,169,271,160円</t>
  </si>
  <si>
    <t>24,778,194,000</t>
  </si>
  <si>
    <t>507,053,000</t>
  </si>
  <si>
    <t>768,354,821</t>
  </si>
  <si>
    <t>25,039,495,821</t>
  </si>
  <si>
    <t>22,585,374,677</t>
  </si>
  <si>
    <t>21,354,506,384</t>
  </si>
  <si>
    <t>50,749,520</t>
  </si>
  <si>
    <t>1,180,118,773</t>
  </si>
  <si>
    <t>事業収入</t>
  </si>
  <si>
    <t>9,944,755,000</t>
  </si>
  <si>
    <t>356,321,000</t>
  </si>
  <si>
    <t>9,588,434,000</t>
  </si>
  <si>
    <t>10,702,799,849</t>
  </si>
  <si>
    <t>9,512,549,891</t>
  </si>
  <si>
    <t>50,534,311</t>
  </si>
  <si>
    <t>1,139,715,647</t>
  </si>
  <si>
    <t>家賃収入</t>
  </si>
  <si>
    <t>10,702,743,749</t>
  </si>
  <si>
    <t>9,512,493,791</t>
  </si>
  <si>
    <t>厚生住宅　　
使用収入</t>
  </si>
  <si>
    <t>56,100</t>
  </si>
  <si>
    <t>303,000</t>
  </si>
  <si>
    <t>377,000</t>
  </si>
  <si>
    <t>680,000</t>
  </si>
  <si>
    <t>680,900</t>
  </si>
  <si>
    <t>住宅費負担金</t>
  </si>
  <si>
    <t>使用料及び　
手数料</t>
  </si>
  <si>
    <t>863,182,000</t>
  </si>
  <si>
    <t>67,603,000</t>
  </si>
  <si>
    <t>795,579,000</t>
  </si>
  <si>
    <t>843,477,767</t>
  </si>
  <si>
    <t>820,079,513</t>
  </si>
  <si>
    <t>23,398,254</t>
  </si>
  <si>
    <t>使用料</t>
  </si>
  <si>
    <t>1,103,732,000円</t>
  </si>
  <si>
    <t>3,350,526,000</t>
  </si>
  <si>
    <t>47,295,000</t>
  </si>
  <si>
    <t>158,391,000</t>
  </si>
  <si>
    <t>3,556,212,000</t>
  </si>
  <si>
    <t>2,417,577,000</t>
  </si>
  <si>
    <t>県営住宅整備
事業費補助金</t>
  </si>
  <si>
    <t>2,947,815,000</t>
  </si>
  <si>
    <t>1,892,253,000</t>
  </si>
  <si>
    <t>住宅団地維持
整備費補助金</t>
  </si>
  <si>
    <t>608,397,000</t>
  </si>
  <si>
    <t>525,324,000</t>
  </si>
  <si>
    <t>558,409,000</t>
  </si>
  <si>
    <t>106,558,000</t>
  </si>
  <si>
    <t>451,851,000</t>
  </si>
  <si>
    <t>452,114,851</t>
  </si>
  <si>
    <t>451,795,014</t>
  </si>
  <si>
    <t>319,837</t>
  </si>
  <si>
    <t>46,814,000</t>
  </si>
  <si>
    <t>2,737,000</t>
  </si>
  <si>
    <t>44,077,000</t>
  </si>
  <si>
    <t>44,340,411</t>
  </si>
  <si>
    <t>44,020,574</t>
  </si>
  <si>
    <t>財産貸付収入</t>
  </si>
  <si>
    <t>44,045,000</t>
  </si>
  <si>
    <t>44,317,657</t>
  </si>
  <si>
    <t>43,997,820</t>
  </si>
  <si>
    <t>32,000</t>
  </si>
  <si>
    <t>22,754</t>
  </si>
  <si>
    <t>財産売払収入</t>
  </si>
  <si>
    <t>511,595,000</t>
  </si>
  <si>
    <t>103,821,000</t>
  </si>
  <si>
    <t>407,774,000</t>
  </si>
  <si>
    <t>407,774,440</t>
  </si>
  <si>
    <t>公有財産　　
売払収入</t>
  </si>
  <si>
    <t>4,878,123,000</t>
  </si>
  <si>
    <t>88,123,000</t>
  </si>
  <si>
    <t>4,790,000,000</t>
  </si>
  <si>
    <t>県営住宅事業会計</t>
  </si>
  <si>
    <t>234,539,160円</t>
  </si>
  <si>
    <t>549,010,000</t>
  </si>
  <si>
    <t>67,963,821</t>
  </si>
  <si>
    <t>617,973,821</t>
  </si>
  <si>
    <t>617,974,760</t>
  </si>
  <si>
    <t>22,896,000</t>
  </si>
  <si>
    <t>63,870,000</t>
  </si>
  <si>
    <t>86,766,000</t>
  </si>
  <si>
    <t>106,749,550</t>
  </si>
  <si>
    <t>89,849,306</t>
  </si>
  <si>
    <t>215,209</t>
  </si>
  <si>
    <t>16,685,035</t>
  </si>
  <si>
    <t>3,205</t>
  </si>
  <si>
    <t>負担交付収入</t>
  </si>
  <si>
    <t>4,744,000</t>
  </si>
  <si>
    <t>1,003,000</t>
  </si>
  <si>
    <t>5,747,000</t>
  </si>
  <si>
    <t>5,748,325</t>
  </si>
  <si>
    <t>住宅費　　　
負担交付収入</t>
  </si>
  <si>
    <t>807,000</t>
  </si>
  <si>
    <t>71,000</t>
  </si>
  <si>
    <t>878,000</t>
  </si>
  <si>
    <t>778,172</t>
  </si>
  <si>
    <t>住宅費　　　
事業費収入</t>
  </si>
  <si>
    <t>80,000</t>
  </si>
  <si>
    <t>113,133</t>
  </si>
  <si>
    <t>17,250,000</t>
  </si>
  <si>
    <t>62,796,000</t>
  </si>
  <si>
    <t>80,046,000</t>
  </si>
  <si>
    <t>100,106,715</t>
  </si>
  <si>
    <t>83,206,471</t>
  </si>
  <si>
    <t xml:space="preserve"> 9</t>
  </si>
  <si>
    <t>1,831,000,000円</t>
  </si>
  <si>
    <t>5,159,000,000</t>
  </si>
  <si>
    <t>549,000,000</t>
  </si>
  <si>
    <t>542,000,000</t>
  </si>
  <si>
    <t>5,152,000,000</t>
  </si>
  <si>
    <t>2,654,000,000</t>
  </si>
  <si>
    <t>未収入特定財源</t>
    <rPh sb="0" eb="7">
      <t>ミシュウニュウトクテイザイゲン</t>
    </rPh>
    <phoneticPr fontId="2"/>
  </si>
  <si>
    <t>2,934,732,000円</t>
    <rPh sb="13" eb="14">
      <t>エン</t>
    </rPh>
    <phoneticPr fontId="2"/>
  </si>
  <si>
    <t>県営住宅事業会計</t>
    <phoneticPr fontId="2"/>
  </si>
  <si>
    <t>県営住宅　　
事業費</t>
  </si>
  <si>
    <t>20,926,368,105</t>
  </si>
  <si>
    <t>3,169,271,160</t>
  </si>
  <si>
    <t>943,856,556</t>
  </si>
  <si>
    <t>227,866,857円</t>
  </si>
  <si>
    <t>住宅費</t>
  </si>
  <si>
    <t>17,022,747,000</t>
  </si>
  <si>
    <t>965,911,000</t>
  </si>
  <si>
    <t>16,825,190,821</t>
  </si>
  <si>
    <t>12,715,476,447</t>
  </si>
  <si>
    <t>940,443,214</t>
  </si>
  <si>
    <t>管理事務費</t>
  </si>
  <si>
    <t>1,948,410,000</t>
  </si>
  <si>
    <t>32,805,000</t>
  </si>
  <si>
    <t>1,915,605,000</t>
  </si>
  <si>
    <t>1,873,199,725</t>
  </si>
  <si>
    <t>42,405,275</t>
  </si>
  <si>
    <t>21,987,000</t>
  </si>
  <si>
    <t>21,879,880</t>
  </si>
  <si>
    <t>107,120</t>
  </si>
  <si>
    <t>給料</t>
  </si>
  <si>
    <t>101,608,000</t>
  </si>
  <si>
    <t>83,305,000</t>
  </si>
  <si>
    <t>83,171,120</t>
  </si>
  <si>
    <t>133,880</t>
  </si>
  <si>
    <t>46,271,000</t>
  </si>
  <si>
    <t>45,861,030</t>
  </si>
  <si>
    <t>409,970</t>
  </si>
  <si>
    <t>2,658,000</t>
  </si>
  <si>
    <t>1,848,381</t>
  </si>
  <si>
    <t>809,619</t>
  </si>
  <si>
    <t>12,961,000</t>
  </si>
  <si>
    <t>9,842,867</t>
  </si>
  <si>
    <t>3,118,133</t>
  </si>
  <si>
    <t>79,003,000</t>
  </si>
  <si>
    <t>68,133,298</t>
  </si>
  <si>
    <t>10,869,702</t>
  </si>
  <si>
    <t>1,496,696,000</t>
  </si>
  <si>
    <t>1,470,166,697</t>
  </si>
  <si>
    <t>26,529,303</t>
  </si>
  <si>
    <t>26,106,000</t>
  </si>
  <si>
    <t>25,883,352</t>
  </si>
  <si>
    <t>222,648</t>
  </si>
  <si>
    <t>1,910,000</t>
  </si>
  <si>
    <t>1,825,400</t>
  </si>
  <si>
    <t>84,600</t>
  </si>
  <si>
    <t>120,000</t>
  </si>
  <si>
    <t>26</t>
  </si>
  <si>
    <t>公課費</t>
  </si>
  <si>
    <t>42,980,000</t>
  </si>
  <si>
    <t>42,979,700</t>
  </si>
  <si>
    <t>300</t>
  </si>
  <si>
    <t>住宅整備費</t>
  </si>
  <si>
    <t>9,553,834,000</t>
  </si>
  <si>
    <t>608,444,000</t>
  </si>
  <si>
    <t>9,713,744,821</t>
  </si>
  <si>
    <t>5,746,646,152</t>
  </si>
  <si>
    <t>797,827,509</t>
  </si>
  <si>
    <t>2,392,000</t>
  </si>
  <si>
    <t>2,198,506</t>
  </si>
  <si>
    <t>193,494</t>
  </si>
  <si>
    <t>11,538,000</t>
  </si>
  <si>
    <t>13,036,000</t>
  </si>
  <si>
    <t>5,623,000</t>
  </si>
  <si>
    <t>227,000</t>
  </si>
  <si>
    <t>1,679,000</t>
  </si>
  <si>
    <t>1,052,287</t>
  </si>
  <si>
    <t>626,713</t>
  </si>
  <si>
    <t>37,571,589</t>
  </si>
  <si>
    <t>10,003,159</t>
  </si>
  <si>
    <t>27,568,430</t>
  </si>
  <si>
    <t>14,470,000</t>
  </si>
  <si>
    <t>8,003,916</t>
  </si>
  <si>
    <t>6,466,084</t>
  </si>
  <si>
    <t>1,058,404,021</t>
  </si>
  <si>
    <t>731,067,285</t>
  </si>
  <si>
    <t>188,990,945</t>
  </si>
  <si>
    <t>138,345,791</t>
  </si>
  <si>
    <t>86,952,411</t>
  </si>
  <si>
    <t>86,593,191</t>
  </si>
  <si>
    <t>359,220</t>
  </si>
  <si>
    <t>7,793,368,800</t>
  </si>
  <si>
    <t>4,303,974,844</t>
  </si>
  <si>
    <t>2,980,280,215</t>
  </si>
  <si>
    <t>509,113,741</t>
  </si>
  <si>
    <t>16</t>
  </si>
  <si>
    <t>公有財産　　
購入費</t>
  </si>
  <si>
    <t>463,579,000</t>
  </si>
  <si>
    <t>463,273,445</t>
  </si>
  <si>
    <t>305,555</t>
  </si>
  <si>
    <t>43,334,000</t>
  </si>
  <si>
    <t>91,300</t>
  </si>
  <si>
    <t>43,242,700</t>
  </si>
  <si>
    <t>181,570,000</t>
  </si>
  <si>
    <t>110,191,219</t>
  </si>
  <si>
    <t>71,378,781</t>
  </si>
  <si>
    <t>住宅団地維持
整備費</t>
  </si>
  <si>
    <t>4,099,472,000</t>
  </si>
  <si>
    <t>317,662,000</t>
  </si>
  <si>
    <t>3,781,810,000</t>
  </si>
  <si>
    <t>3,681,599,670</t>
  </si>
  <si>
    <t>100,210,330</t>
  </si>
  <si>
    <t>国有資産等　
所在市町村　
交付金</t>
    <phoneticPr fontId="2"/>
  </si>
  <si>
    <t>1,421,031,000</t>
  </si>
  <si>
    <t>1,414,031,000</t>
  </si>
  <si>
    <t>1,414,030,900</t>
  </si>
  <si>
    <t>100</t>
  </si>
  <si>
    <t>518,496,000</t>
  </si>
  <si>
    <t>518,515,000</t>
  </si>
  <si>
    <t>518,505,754</t>
  </si>
  <si>
    <t>9,246</t>
  </si>
  <si>
    <t>7,753,428,000</t>
  </si>
  <si>
    <t>59,638,000</t>
  </si>
  <si>
    <t>1,404,096</t>
  </si>
  <si>
    <t>7,525,830,000</t>
  </si>
  <si>
    <t>7,525,829,462</t>
  </si>
  <si>
    <t>538</t>
  </si>
  <si>
    <t>195,706,000</t>
  </si>
  <si>
    <t>35,843,000</t>
  </si>
  <si>
    <t>159,863,000</t>
  </si>
  <si>
    <t>158,962,296</t>
  </si>
  <si>
    <t>900,704</t>
  </si>
  <si>
    <t>31,892,000</t>
  </si>
  <si>
    <t>23,795,000</t>
  </si>
  <si>
    <t>8,097,000</t>
  </si>
  <si>
    <t>7,594,146</t>
  </si>
  <si>
    <t>502,854</t>
  </si>
  <si>
    <t>2,000,0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6"/>
      <name val="ＭＳ ゴシック"/>
      <family val="3"/>
      <charset val="128"/>
    </font>
    <font>
      <sz val="10"/>
      <name val="ＭＳ ゴシック"/>
      <family val="3"/>
      <charset val="128"/>
    </font>
    <font>
      <sz val="8"/>
      <name val="ＭＳ ゴシック"/>
      <family val="3"/>
      <charset val="128"/>
    </font>
    <font>
      <sz val="11"/>
      <name val="ＭＳ 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7"/>
      <color theme="0"/>
      <name val="ＭＳ 明朝"/>
      <family val="1"/>
      <charset val="128"/>
    </font>
    <font>
      <sz val="7"/>
      <name val="ＭＳ ゴシック"/>
      <family val="3"/>
      <charset val="128"/>
    </font>
    <font>
      <sz val="7.5"/>
      <name val="ＭＳ 明朝"/>
      <family val="1"/>
      <charset val="128"/>
    </font>
    <font>
      <sz val="12"/>
      <name val="ＭＳ 明朝"/>
      <family val="1"/>
      <charset val="128"/>
    </font>
    <font>
      <sz val="16"/>
      <name val="ＭＳ 明朝"/>
      <family val="1"/>
      <charset val="128"/>
    </font>
    <font>
      <sz val="7.5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264">
    <xf numFmtId="0" fontId="0" fillId="0" borderId="0" xfId="0"/>
    <xf numFmtId="49" fontId="1" fillId="0" borderId="0" xfId="0" applyNumberFormat="1" applyFont="1" applyAlignment="1">
      <alignment horizontal="right" vertical="center"/>
    </xf>
    <xf numFmtId="49" fontId="0" fillId="0" borderId="0" xfId="0" applyNumberFormat="1" applyFont="1" applyAlignment="1">
      <alignment vertical="center"/>
    </xf>
    <xf numFmtId="0" fontId="0" fillId="0" borderId="0" xfId="0" applyFont="1"/>
    <xf numFmtId="49" fontId="3" fillId="0" borderId="0" xfId="0" applyNumberFormat="1" applyFont="1" applyAlignment="1">
      <alignment vertical="center"/>
    </xf>
    <xf numFmtId="49" fontId="3" fillId="0" borderId="0" xfId="0" applyNumberFormat="1" applyFont="1" applyAlignment="1">
      <alignment horizontal="right" vertical="center"/>
    </xf>
    <xf numFmtId="49" fontId="4" fillId="0" borderId="0" xfId="0" applyNumberFormat="1" applyFont="1" applyAlignment="1">
      <alignment vertical="center"/>
    </xf>
    <xf numFmtId="49" fontId="4" fillId="0" borderId="0" xfId="0" applyNumberFormat="1" applyFont="1" applyBorder="1" applyAlignment="1">
      <alignment vertical="center"/>
    </xf>
    <xf numFmtId="49" fontId="6" fillId="0" borderId="0" xfId="0" applyNumberFormat="1" applyFont="1" applyBorder="1" applyAlignment="1">
      <alignment vertical="center"/>
    </xf>
    <xf numFmtId="49" fontId="7" fillId="0" borderId="0" xfId="0" applyNumberFormat="1" applyFont="1" applyBorder="1" applyAlignment="1">
      <alignment vertical="center"/>
    </xf>
    <xf numFmtId="49" fontId="8" fillId="0" borderId="0" xfId="0" applyNumberFormat="1" applyFont="1" applyAlignment="1">
      <alignment horizontal="right" vertical="center"/>
    </xf>
    <xf numFmtId="0" fontId="9" fillId="0" borderId="0" xfId="0" applyFont="1"/>
    <xf numFmtId="49" fontId="10" fillId="0" borderId="0" xfId="0" applyNumberFormat="1" applyFont="1" applyAlignment="1">
      <alignment vertical="center"/>
    </xf>
    <xf numFmtId="0" fontId="10" fillId="0" borderId="0" xfId="0" applyFont="1"/>
    <xf numFmtId="49" fontId="10" fillId="0" borderId="15" xfId="0" applyNumberFormat="1" applyFont="1" applyBorder="1" applyAlignment="1">
      <alignment horizontal="distributed" vertical="center" justifyLastLine="1"/>
    </xf>
    <xf numFmtId="49" fontId="10" fillId="0" borderId="0" xfId="0" applyNumberFormat="1" applyFont="1" applyBorder="1" applyAlignment="1">
      <alignment horizontal="distributed" vertical="center" justifyLastLine="1"/>
    </xf>
    <xf numFmtId="49" fontId="10" fillId="0" borderId="24" xfId="0" applyNumberFormat="1" applyFont="1" applyBorder="1" applyAlignment="1">
      <alignment horizontal="distributed" vertical="center" justifyLastLine="1"/>
    </xf>
    <xf numFmtId="49" fontId="11" fillId="0" borderId="26" xfId="0" applyNumberFormat="1" applyFont="1" applyBorder="1" applyAlignment="1">
      <alignment horizontal="right" vertical="center"/>
    </xf>
    <xf numFmtId="49" fontId="11" fillId="0" borderId="13" xfId="0" applyNumberFormat="1" applyFont="1" applyBorder="1" applyAlignment="1">
      <alignment horizontal="left" vertical="center"/>
    </xf>
    <xf numFmtId="49" fontId="11" fillId="0" borderId="15" xfId="0" applyNumberFormat="1" applyFont="1" applyBorder="1" applyAlignment="1">
      <alignment horizontal="right" vertical="center"/>
    </xf>
    <xf numFmtId="49" fontId="11" fillId="0" borderId="11" xfId="0" applyNumberFormat="1" applyFont="1" applyBorder="1" applyAlignment="1">
      <alignment horizontal="right" vertical="center"/>
    </xf>
    <xf numFmtId="49" fontId="11" fillId="0" borderId="10" xfId="0" applyNumberFormat="1" applyFont="1" applyBorder="1" applyAlignment="1">
      <alignment horizontal="right" vertical="center"/>
    </xf>
    <xf numFmtId="49" fontId="11" fillId="0" borderId="19" xfId="0" applyNumberFormat="1" applyFont="1" applyBorder="1" applyAlignment="1">
      <alignment horizontal="right" vertical="center"/>
    </xf>
    <xf numFmtId="49" fontId="11" fillId="0" borderId="14" xfId="0" applyNumberFormat="1" applyFont="1" applyBorder="1" applyAlignment="1">
      <alignment horizontal="right" vertical="center"/>
    </xf>
    <xf numFmtId="49" fontId="11" fillId="0" borderId="10" xfId="0" applyNumberFormat="1" applyFont="1" applyBorder="1" applyAlignment="1">
      <alignment horizontal="left" vertical="center"/>
    </xf>
    <xf numFmtId="49" fontId="11" fillId="0" borderId="26" xfId="0" applyNumberFormat="1" applyFont="1" applyBorder="1" applyAlignment="1">
      <alignment horizontal="left" vertical="top"/>
    </xf>
    <xf numFmtId="49" fontId="11" fillId="0" borderId="27" xfId="0" applyNumberFormat="1" applyFont="1" applyBorder="1" applyAlignment="1">
      <alignment horizontal="right" vertical="center"/>
    </xf>
    <xf numFmtId="49" fontId="11" fillId="0" borderId="0" xfId="0" applyNumberFormat="1" applyFont="1" applyBorder="1" applyAlignment="1">
      <alignment horizontal="left" vertical="center"/>
    </xf>
    <xf numFmtId="49" fontId="11" fillId="0" borderId="0" xfId="0" applyNumberFormat="1" applyFont="1" applyBorder="1" applyAlignment="1">
      <alignment vertical="center"/>
    </xf>
    <xf numFmtId="49" fontId="11" fillId="0" borderId="0" xfId="0" applyNumberFormat="1" applyFont="1" applyBorder="1" applyAlignment="1">
      <alignment horizontal="right" vertical="center"/>
    </xf>
    <xf numFmtId="49" fontId="11" fillId="0" borderId="18" xfId="0" applyNumberFormat="1" applyFont="1" applyBorder="1" applyAlignment="1">
      <alignment horizontal="right" vertical="center"/>
    </xf>
    <xf numFmtId="49" fontId="11" fillId="0" borderId="0" xfId="0" applyNumberFormat="1" applyFont="1" applyAlignment="1">
      <alignment vertical="center"/>
    </xf>
    <xf numFmtId="0" fontId="11" fillId="0" borderId="0" xfId="0" applyFont="1"/>
    <xf numFmtId="49" fontId="10" fillId="0" borderId="11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distributed" vertical="center"/>
    </xf>
    <xf numFmtId="49" fontId="8" fillId="0" borderId="11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right" vertical="center"/>
    </xf>
    <xf numFmtId="49" fontId="8" fillId="0" borderId="19" xfId="0" applyNumberFormat="1" applyFont="1" applyBorder="1" applyAlignment="1">
      <alignment horizontal="right" vertical="center"/>
    </xf>
    <xf numFmtId="49" fontId="8" fillId="0" borderId="0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left" vertical="center"/>
    </xf>
    <xf numFmtId="49" fontId="8" fillId="0" borderId="9" xfId="0" applyNumberFormat="1" applyFont="1" applyBorder="1" applyAlignment="1">
      <alignment horizontal="left" vertical="top"/>
    </xf>
    <xf numFmtId="49" fontId="8" fillId="0" borderId="18" xfId="0" applyNumberFormat="1" applyFont="1" applyBorder="1" applyAlignment="1">
      <alignment horizontal="right" vertical="center"/>
    </xf>
    <xf numFmtId="49" fontId="13" fillId="0" borderId="0" xfId="0" applyNumberFormat="1" applyFont="1" applyBorder="1" applyAlignment="1">
      <alignment horizontal="left" vertical="center"/>
    </xf>
    <xf numFmtId="49" fontId="13" fillId="0" borderId="0" xfId="0" applyNumberFormat="1" applyFont="1" applyBorder="1" applyAlignment="1">
      <alignment vertical="center"/>
    </xf>
    <xf numFmtId="49" fontId="13" fillId="0" borderId="0" xfId="0" applyNumberFormat="1" applyFont="1" applyBorder="1" applyAlignment="1">
      <alignment horizontal="right" vertical="center"/>
    </xf>
    <xf numFmtId="49" fontId="13" fillId="0" borderId="18" xfId="0" applyNumberFormat="1" applyFont="1" applyBorder="1" applyAlignment="1">
      <alignment horizontal="right" vertical="center"/>
    </xf>
    <xf numFmtId="0" fontId="0" fillId="0" borderId="0" xfId="0" applyAlignment="1"/>
    <xf numFmtId="49" fontId="8" fillId="0" borderId="9" xfId="0" applyNumberFormat="1" applyFont="1" applyBorder="1" applyAlignment="1">
      <alignment horizontal="right" vertical="center"/>
    </xf>
    <xf numFmtId="49" fontId="10" fillId="0" borderId="12" xfId="0" applyNumberFormat="1" applyFont="1" applyBorder="1" applyAlignment="1">
      <alignment horizontal="right" vertical="center"/>
    </xf>
    <xf numFmtId="49" fontId="10" fillId="0" borderId="13" xfId="0" applyNumberFormat="1" applyFont="1" applyBorder="1" applyAlignment="1">
      <alignment horizontal="distributed" vertical="center"/>
    </xf>
    <xf numFmtId="49" fontId="10" fillId="0" borderId="13" xfId="0" applyNumberFormat="1" applyFont="1" applyBorder="1" applyAlignment="1">
      <alignment horizontal="right" vertical="center"/>
    </xf>
    <xf numFmtId="49" fontId="10" fillId="0" borderId="14" xfId="0" applyNumberFormat="1" applyFont="1" applyBorder="1" applyAlignment="1">
      <alignment horizontal="right" vertical="center"/>
    </xf>
    <xf numFmtId="49" fontId="10" fillId="0" borderId="15" xfId="0" applyNumberFormat="1" applyFont="1" applyBorder="1" applyAlignment="1">
      <alignment horizontal="right" vertical="center"/>
    </xf>
    <xf numFmtId="49" fontId="10" fillId="0" borderId="26" xfId="0" applyNumberFormat="1" applyFont="1" applyBorder="1" applyAlignment="1">
      <alignment horizontal="left" vertical="top"/>
    </xf>
    <xf numFmtId="49" fontId="10" fillId="0" borderId="27" xfId="0" applyNumberFormat="1" applyFont="1" applyBorder="1" applyAlignment="1">
      <alignment horizontal="right" vertical="center"/>
    </xf>
    <xf numFmtId="49" fontId="11" fillId="0" borderId="15" xfId="0" applyNumberFormat="1" applyFont="1" applyBorder="1" applyAlignment="1">
      <alignment horizontal="left" vertical="center"/>
    </xf>
    <xf numFmtId="49" fontId="11" fillId="0" borderId="15" xfId="0" applyNumberFormat="1" applyFont="1" applyBorder="1" applyAlignment="1">
      <alignment vertical="center"/>
    </xf>
    <xf numFmtId="49" fontId="10" fillId="0" borderId="9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left" vertical="center"/>
    </xf>
    <xf numFmtId="49" fontId="10" fillId="0" borderId="10" xfId="0" applyNumberFormat="1" applyFont="1" applyBorder="1" applyAlignment="1">
      <alignment horizontal="right" vertical="center"/>
    </xf>
    <xf numFmtId="49" fontId="10" fillId="0" borderId="19" xfId="0" applyNumberFormat="1" applyFont="1" applyBorder="1" applyAlignment="1">
      <alignment horizontal="right" vertical="center"/>
    </xf>
    <xf numFmtId="49" fontId="10" fillId="0" borderId="0" xfId="0" applyNumberFormat="1" applyFont="1" applyBorder="1" applyAlignment="1">
      <alignment horizontal="right" vertical="center"/>
    </xf>
    <xf numFmtId="49" fontId="10" fillId="0" borderId="9" xfId="0" applyNumberFormat="1" applyFont="1" applyBorder="1" applyAlignment="1">
      <alignment horizontal="left" vertical="top"/>
    </xf>
    <xf numFmtId="49" fontId="10" fillId="0" borderId="18" xfId="0" applyNumberFormat="1" applyFont="1" applyBorder="1" applyAlignment="1">
      <alignment horizontal="right" vertical="center"/>
    </xf>
    <xf numFmtId="49" fontId="10" fillId="0" borderId="22" xfId="0" applyNumberFormat="1" applyFont="1" applyBorder="1" applyAlignment="1">
      <alignment horizontal="right" vertical="center"/>
    </xf>
    <xf numFmtId="49" fontId="10" fillId="0" borderId="21" xfId="0" applyNumberFormat="1" applyFont="1" applyBorder="1" applyAlignment="1">
      <alignment horizontal="left" vertical="center"/>
    </xf>
    <xf numFmtId="49" fontId="10" fillId="0" borderId="21" xfId="0" applyNumberFormat="1" applyFont="1" applyBorder="1" applyAlignment="1">
      <alignment horizontal="right" vertical="center"/>
    </xf>
    <xf numFmtId="49" fontId="10" fillId="0" borderId="23" xfId="0" applyNumberFormat="1" applyFont="1" applyBorder="1" applyAlignment="1">
      <alignment horizontal="right" vertical="center"/>
    </xf>
    <xf numFmtId="49" fontId="10" fillId="0" borderId="24" xfId="0" applyNumberFormat="1" applyFont="1" applyBorder="1" applyAlignment="1">
      <alignment horizontal="right" vertical="center"/>
    </xf>
    <xf numFmtId="49" fontId="10" fillId="0" borderId="20" xfId="0" applyNumberFormat="1" applyFont="1" applyBorder="1" applyAlignment="1">
      <alignment horizontal="left" vertical="top"/>
    </xf>
    <xf numFmtId="49" fontId="10" fillId="0" borderId="25" xfId="0" applyNumberFormat="1" applyFont="1" applyBorder="1" applyAlignment="1">
      <alignment horizontal="right" vertical="center"/>
    </xf>
    <xf numFmtId="49" fontId="11" fillId="0" borderId="24" xfId="0" applyNumberFormat="1" applyFont="1" applyBorder="1" applyAlignment="1">
      <alignment horizontal="left" vertical="center"/>
    </xf>
    <xf numFmtId="49" fontId="11" fillId="0" borderId="24" xfId="0" applyNumberFormat="1" applyFont="1" applyBorder="1" applyAlignment="1">
      <alignment vertical="center"/>
    </xf>
    <xf numFmtId="49" fontId="11" fillId="0" borderId="24" xfId="0" applyNumberFormat="1" applyFont="1" applyBorder="1" applyAlignment="1">
      <alignment horizontal="right" vertical="center"/>
    </xf>
    <xf numFmtId="49" fontId="11" fillId="0" borderId="25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distributed" vertical="center"/>
    </xf>
    <xf numFmtId="49" fontId="10" fillId="0" borderId="13" xfId="0" applyNumberFormat="1" applyFont="1" applyBorder="1" applyAlignment="1">
      <alignment horizontal="left" vertical="center"/>
    </xf>
    <xf numFmtId="49" fontId="10" fillId="0" borderId="21" xfId="0" applyNumberFormat="1" applyFont="1" applyBorder="1" applyAlignment="1">
      <alignment horizontal="distributed" vertical="center"/>
    </xf>
    <xf numFmtId="49" fontId="8" fillId="0" borderId="20" xfId="0" applyNumberFormat="1" applyFont="1" applyBorder="1" applyAlignment="1">
      <alignment horizontal="right" vertical="center"/>
    </xf>
    <xf numFmtId="49" fontId="8" fillId="0" borderId="21" xfId="0" applyNumberFormat="1" applyFont="1" applyBorder="1" applyAlignment="1">
      <alignment horizontal="distributed" vertical="center"/>
    </xf>
    <xf numFmtId="49" fontId="10" fillId="0" borderId="26" xfId="0" applyNumberFormat="1" applyFont="1" applyBorder="1" applyAlignment="1">
      <alignment horizontal="right" vertical="center"/>
    </xf>
    <xf numFmtId="0" fontId="0" fillId="0" borderId="15" xfId="0" applyBorder="1" applyAlignment="1"/>
    <xf numFmtId="49" fontId="8" fillId="0" borderId="12" xfId="0" applyNumberFormat="1" applyFont="1" applyBorder="1" applyAlignment="1">
      <alignment horizontal="right" vertical="center"/>
    </xf>
    <xf numFmtId="49" fontId="8" fillId="0" borderId="13" xfId="0" applyNumberFormat="1" applyFont="1" applyBorder="1" applyAlignment="1">
      <alignment horizontal="right" vertical="center"/>
    </xf>
    <xf numFmtId="49" fontId="8" fillId="0" borderId="14" xfId="0" applyNumberFormat="1" applyFont="1" applyBorder="1" applyAlignment="1">
      <alignment horizontal="right" vertical="center"/>
    </xf>
    <xf numFmtId="49" fontId="8" fillId="0" borderId="15" xfId="0" applyNumberFormat="1" applyFont="1" applyBorder="1" applyAlignment="1">
      <alignment horizontal="right" vertical="center"/>
    </xf>
    <xf numFmtId="49" fontId="8" fillId="0" borderId="13" xfId="0" applyNumberFormat="1" applyFont="1" applyBorder="1" applyAlignment="1">
      <alignment horizontal="left" vertical="center"/>
    </xf>
    <xf numFmtId="49" fontId="8" fillId="0" borderId="26" xfId="0" applyNumberFormat="1" applyFont="1" applyBorder="1" applyAlignment="1">
      <alignment horizontal="left" vertical="top"/>
    </xf>
    <xf numFmtId="49" fontId="8" fillId="0" borderId="27" xfId="0" applyNumberFormat="1" applyFont="1" applyBorder="1" applyAlignment="1">
      <alignment horizontal="right" vertical="center"/>
    </xf>
    <xf numFmtId="49" fontId="13" fillId="0" borderId="15" xfId="0" applyNumberFormat="1" applyFont="1" applyBorder="1" applyAlignment="1">
      <alignment horizontal="left" vertical="center"/>
    </xf>
    <xf numFmtId="49" fontId="13" fillId="0" borderId="15" xfId="0" applyNumberFormat="1" applyFont="1" applyBorder="1" applyAlignment="1">
      <alignment vertical="center"/>
    </xf>
    <xf numFmtId="49" fontId="13" fillId="0" borderId="15" xfId="0" applyNumberFormat="1" applyFont="1" applyBorder="1" applyAlignment="1">
      <alignment horizontal="right" vertical="center"/>
    </xf>
    <xf numFmtId="49" fontId="13" fillId="0" borderId="27" xfId="0" applyNumberFormat="1" applyFont="1" applyBorder="1" applyAlignment="1">
      <alignment horizontal="right" vertical="center"/>
    </xf>
    <xf numFmtId="49" fontId="10" fillId="0" borderId="28" xfId="0" applyNumberFormat="1" applyFont="1" applyBorder="1" applyAlignment="1">
      <alignment horizontal="right" vertical="center"/>
    </xf>
    <xf numFmtId="0" fontId="0" fillId="0" borderId="29" xfId="0" applyBorder="1" applyAlignment="1"/>
    <xf numFmtId="49" fontId="10" fillId="0" borderId="30" xfId="0" applyNumberFormat="1" applyFont="1" applyBorder="1" applyAlignment="1">
      <alignment horizontal="right" vertical="center"/>
    </xf>
    <xf numFmtId="49" fontId="10" fillId="0" borderId="31" xfId="0" applyNumberFormat="1" applyFont="1" applyBorder="1" applyAlignment="1">
      <alignment horizontal="right" vertical="center"/>
    </xf>
    <xf numFmtId="49" fontId="10" fillId="0" borderId="32" xfId="0" applyNumberFormat="1" applyFont="1" applyBorder="1" applyAlignment="1">
      <alignment horizontal="right" vertical="center"/>
    </xf>
    <xf numFmtId="49" fontId="10" fillId="0" borderId="29" xfId="0" applyNumberFormat="1" applyFont="1" applyBorder="1" applyAlignment="1">
      <alignment horizontal="right" vertical="center"/>
    </xf>
    <xf numFmtId="49" fontId="10" fillId="0" borderId="31" xfId="0" applyNumberFormat="1" applyFont="1" applyBorder="1" applyAlignment="1">
      <alignment horizontal="left" vertical="center"/>
    </xf>
    <xf numFmtId="49" fontId="10" fillId="0" borderId="28" xfId="0" applyNumberFormat="1" applyFont="1" applyBorder="1" applyAlignment="1">
      <alignment horizontal="left" vertical="top"/>
    </xf>
    <xf numFmtId="49" fontId="10" fillId="0" borderId="33" xfId="0" applyNumberFormat="1" applyFont="1" applyBorder="1" applyAlignment="1">
      <alignment horizontal="right" vertical="center"/>
    </xf>
    <xf numFmtId="49" fontId="13" fillId="0" borderId="29" xfId="0" applyNumberFormat="1" applyFont="1" applyBorder="1" applyAlignment="1">
      <alignment horizontal="left" vertical="center"/>
    </xf>
    <xf numFmtId="49" fontId="13" fillId="0" borderId="29" xfId="0" applyNumberFormat="1" applyFont="1" applyBorder="1" applyAlignment="1">
      <alignment vertical="center"/>
    </xf>
    <xf numFmtId="49" fontId="13" fillId="0" borderId="29" xfId="0" applyNumberFormat="1" applyFont="1" applyBorder="1" applyAlignment="1">
      <alignment horizontal="right" vertical="center"/>
    </xf>
    <xf numFmtId="0" fontId="10" fillId="0" borderId="1" xfId="0" applyFont="1" applyBorder="1"/>
    <xf numFmtId="0" fontId="10" fillId="0" borderId="8" xfId="0" applyFont="1" applyBorder="1"/>
    <xf numFmtId="0" fontId="13" fillId="0" borderId="8" xfId="0" applyFont="1" applyBorder="1"/>
    <xf numFmtId="0" fontId="13" fillId="0" borderId="7" xfId="0" applyFont="1" applyBorder="1"/>
    <xf numFmtId="0" fontId="10" fillId="0" borderId="9" xfId="0" applyFont="1" applyBorder="1"/>
    <xf numFmtId="0" fontId="10" fillId="0" borderId="0" xfId="0" applyFont="1" applyBorder="1"/>
    <xf numFmtId="0" fontId="10" fillId="0" borderId="18" xfId="0" applyFont="1" applyBorder="1"/>
    <xf numFmtId="0" fontId="10" fillId="0" borderId="28" xfId="0" applyFont="1" applyBorder="1"/>
    <xf numFmtId="0" fontId="10" fillId="0" borderId="29" xfId="0" applyFont="1" applyBorder="1"/>
    <xf numFmtId="0" fontId="10" fillId="0" borderId="33" xfId="0" applyFont="1" applyBorder="1"/>
    <xf numFmtId="0" fontId="10" fillId="0" borderId="0" xfId="0" applyFont="1" applyAlignment="1">
      <alignment wrapText="1"/>
    </xf>
    <xf numFmtId="49" fontId="15" fillId="0" borderId="0" xfId="0" applyNumberFormat="1" applyFont="1" applyAlignment="1">
      <alignment vertical="center"/>
    </xf>
    <xf numFmtId="49" fontId="16" fillId="0" borderId="0" xfId="0" applyNumberFormat="1" applyFont="1" applyAlignment="1">
      <alignment vertical="center"/>
    </xf>
    <xf numFmtId="49" fontId="6" fillId="0" borderId="0" xfId="0" applyNumberFormat="1" applyFont="1" applyAlignment="1">
      <alignment vertical="center"/>
    </xf>
    <xf numFmtId="49" fontId="7" fillId="0" borderId="0" xfId="0" applyNumberFormat="1" applyFont="1" applyAlignment="1">
      <alignment vertical="center"/>
    </xf>
    <xf numFmtId="49" fontId="10" fillId="0" borderId="0" xfId="0" applyNumberFormat="1" applyFont="1" applyAlignment="1">
      <alignment horizontal="right" vertical="center"/>
    </xf>
    <xf numFmtId="49" fontId="11" fillId="0" borderId="36" xfId="0" applyNumberFormat="1" applyFont="1" applyBorder="1" applyAlignment="1">
      <alignment horizontal="right" vertical="center"/>
    </xf>
    <xf numFmtId="49" fontId="11" fillId="0" borderId="12" xfId="0" applyNumberFormat="1" applyFont="1" applyBorder="1" applyAlignment="1">
      <alignment horizontal="left" vertical="center"/>
    </xf>
    <xf numFmtId="49" fontId="8" fillId="0" borderId="0" xfId="0" applyNumberFormat="1" applyFont="1" applyBorder="1" applyAlignment="1">
      <alignment horizontal="distributed" vertical="center"/>
    </xf>
    <xf numFmtId="49" fontId="8" fillId="0" borderId="19" xfId="0" applyNumberFormat="1" applyFont="1" applyBorder="1" applyAlignment="1">
      <alignment horizontal="right" vertical="center" shrinkToFit="1"/>
    </xf>
    <xf numFmtId="49" fontId="8" fillId="0" borderId="10" xfId="0" applyNumberFormat="1" applyFont="1" applyBorder="1" applyAlignment="1">
      <alignment horizontal="right" vertical="center" shrinkToFit="1"/>
    </xf>
    <xf numFmtId="49" fontId="8" fillId="0" borderId="36" xfId="0" applyNumberFormat="1" applyFont="1" applyBorder="1" applyAlignment="1">
      <alignment horizontal="right" vertical="center"/>
    </xf>
    <xf numFmtId="49" fontId="13" fillId="0" borderId="11" xfId="0" applyNumberFormat="1" applyFont="1" applyBorder="1" applyAlignment="1">
      <alignment horizontal="left" vertical="center"/>
    </xf>
    <xf numFmtId="49" fontId="10" fillId="0" borderId="14" xfId="0" applyNumberFormat="1" applyFont="1" applyBorder="1" applyAlignment="1">
      <alignment horizontal="right" vertical="center" shrinkToFit="1"/>
    </xf>
    <xf numFmtId="49" fontId="10" fillId="0" borderId="13" xfId="0" applyNumberFormat="1" applyFont="1" applyBorder="1" applyAlignment="1">
      <alignment horizontal="right" vertical="center" shrinkToFit="1"/>
    </xf>
    <xf numFmtId="49" fontId="10" fillId="0" borderId="38" xfId="0" applyNumberFormat="1" applyFont="1" applyBorder="1" applyAlignment="1">
      <alignment horizontal="right" vertical="center"/>
    </xf>
    <xf numFmtId="49" fontId="10" fillId="0" borderId="0" xfId="0" applyNumberFormat="1" applyFont="1" applyBorder="1" applyAlignment="1">
      <alignment horizontal="left" vertical="center"/>
    </xf>
    <xf numFmtId="49" fontId="10" fillId="0" borderId="19" xfId="0" applyNumberFormat="1" applyFont="1" applyBorder="1" applyAlignment="1">
      <alignment horizontal="right" vertical="center" shrinkToFit="1"/>
    </xf>
    <xf numFmtId="49" fontId="10" fillId="0" borderId="10" xfId="0" applyNumberFormat="1" applyFont="1" applyBorder="1" applyAlignment="1">
      <alignment horizontal="right" vertical="center" shrinkToFit="1"/>
    </xf>
    <xf numFmtId="49" fontId="10" fillId="0" borderId="36" xfId="0" applyNumberFormat="1" applyFont="1" applyBorder="1" applyAlignment="1">
      <alignment horizontal="right" vertical="center"/>
    </xf>
    <xf numFmtId="49" fontId="11" fillId="0" borderId="11" xfId="0" applyNumberFormat="1" applyFont="1" applyBorder="1" applyAlignment="1">
      <alignment horizontal="left" vertical="center"/>
    </xf>
    <xf numFmtId="49" fontId="10" fillId="0" borderId="24" xfId="0" applyNumberFormat="1" applyFont="1" applyBorder="1" applyAlignment="1">
      <alignment horizontal="left" vertical="center"/>
    </xf>
    <xf numFmtId="49" fontId="10" fillId="0" borderId="23" xfId="0" applyNumberFormat="1" applyFont="1" applyBorder="1" applyAlignment="1">
      <alignment horizontal="right" vertical="center" shrinkToFit="1"/>
    </xf>
    <xf numFmtId="49" fontId="10" fillId="0" borderId="21" xfId="0" applyNumberFormat="1" applyFont="1" applyBorder="1" applyAlignment="1">
      <alignment horizontal="right" vertical="center" shrinkToFit="1"/>
    </xf>
    <xf numFmtId="49" fontId="10" fillId="0" borderId="37" xfId="0" applyNumberFormat="1" applyFont="1" applyBorder="1" applyAlignment="1">
      <alignment horizontal="right" vertical="center"/>
    </xf>
    <xf numFmtId="49" fontId="11" fillId="0" borderId="22" xfId="0" applyNumberFormat="1" applyFont="1" applyBorder="1" applyAlignment="1">
      <alignment horizontal="left" vertical="center"/>
    </xf>
    <xf numFmtId="49" fontId="10" fillId="0" borderId="0" xfId="0" applyNumberFormat="1" applyFont="1" applyBorder="1" applyAlignment="1">
      <alignment horizontal="distributed" vertical="center"/>
    </xf>
    <xf numFmtId="49" fontId="10" fillId="0" borderId="15" xfId="0" applyNumberFormat="1" applyFont="1" applyBorder="1" applyAlignment="1">
      <alignment horizontal="left" vertical="center"/>
    </xf>
    <xf numFmtId="49" fontId="8" fillId="0" borderId="14" xfId="0" applyNumberFormat="1" applyFont="1" applyBorder="1" applyAlignment="1">
      <alignment horizontal="right" vertical="center" shrinkToFit="1"/>
    </xf>
    <xf numFmtId="49" fontId="8" fillId="0" borderId="13" xfId="0" applyNumberFormat="1" applyFont="1" applyBorder="1" applyAlignment="1">
      <alignment horizontal="right" vertical="center" shrinkToFit="1"/>
    </xf>
    <xf numFmtId="49" fontId="8" fillId="0" borderId="38" xfId="0" applyNumberFormat="1" applyFont="1" applyBorder="1" applyAlignment="1">
      <alignment horizontal="right" vertical="center"/>
    </xf>
    <xf numFmtId="49" fontId="13" fillId="0" borderId="12" xfId="0" applyNumberFormat="1" applyFont="1" applyBorder="1" applyAlignment="1">
      <alignment horizontal="left" vertical="center"/>
    </xf>
    <xf numFmtId="49" fontId="8" fillId="0" borderId="0" xfId="0" applyNumberFormat="1" applyFont="1" applyBorder="1" applyAlignment="1">
      <alignment horizontal="right" vertical="center" shrinkToFit="1"/>
    </xf>
    <xf numFmtId="49" fontId="8" fillId="0" borderId="36" xfId="0" applyNumberFormat="1" applyFont="1" applyBorder="1" applyAlignment="1">
      <alignment horizontal="right" vertical="center" shrinkToFit="1"/>
    </xf>
    <xf numFmtId="49" fontId="13" fillId="0" borderId="11" xfId="0" applyNumberFormat="1" applyFont="1" applyBorder="1" applyAlignment="1">
      <alignment vertical="center"/>
    </xf>
    <xf numFmtId="49" fontId="10" fillId="0" borderId="29" xfId="0" applyNumberFormat="1" applyFont="1" applyBorder="1" applyAlignment="1">
      <alignment horizontal="left" vertical="center"/>
    </xf>
    <xf numFmtId="49" fontId="10" fillId="0" borderId="32" xfId="0" applyNumberFormat="1" applyFont="1" applyBorder="1" applyAlignment="1">
      <alignment horizontal="right" vertical="center" shrinkToFit="1"/>
    </xf>
    <xf numFmtId="49" fontId="10" fillId="0" borderId="31" xfId="0" applyNumberFormat="1" applyFont="1" applyBorder="1" applyAlignment="1">
      <alignment horizontal="right" vertical="center" shrinkToFit="1"/>
    </xf>
    <xf numFmtId="49" fontId="10" fillId="0" borderId="39" xfId="0" applyNumberFormat="1" applyFont="1" applyBorder="1" applyAlignment="1">
      <alignment horizontal="right" vertical="center"/>
    </xf>
    <xf numFmtId="49" fontId="13" fillId="0" borderId="30" xfId="0" applyNumberFormat="1" applyFont="1" applyBorder="1" applyAlignment="1">
      <alignment horizontal="left" vertical="center"/>
    </xf>
    <xf numFmtId="49" fontId="13" fillId="0" borderId="33" xfId="0" applyNumberFormat="1" applyFont="1" applyBorder="1" applyAlignment="1">
      <alignment horizontal="right" vertical="center"/>
    </xf>
    <xf numFmtId="0" fontId="11" fillId="0" borderId="0" xfId="0" applyFont="1" applyAlignment="1">
      <alignment wrapText="1"/>
    </xf>
    <xf numFmtId="0" fontId="17" fillId="0" borderId="0" xfId="0" applyFont="1"/>
    <xf numFmtId="49" fontId="10" fillId="0" borderId="20" xfId="0" applyNumberFormat="1" applyFont="1" applyBorder="1" applyAlignment="1">
      <alignment horizontal="right" vertical="center"/>
    </xf>
    <xf numFmtId="49" fontId="10" fillId="0" borderId="24" xfId="0" applyNumberFormat="1" applyFont="1" applyBorder="1" applyAlignment="1">
      <alignment horizontal="distributed" vertical="center"/>
    </xf>
    <xf numFmtId="49" fontId="8" fillId="0" borderId="9" xfId="0" applyNumberFormat="1" applyFont="1" applyBorder="1" applyAlignment="1">
      <alignment horizontal="distributed" vertical="center" justifyLastLine="1"/>
    </xf>
    <xf numFmtId="49" fontId="8" fillId="0" borderId="0" xfId="0" applyNumberFormat="1" applyFont="1" applyBorder="1" applyAlignment="1">
      <alignment horizontal="distributed" vertical="center" justifyLastLine="1"/>
    </xf>
    <xf numFmtId="49" fontId="11" fillId="0" borderId="30" xfId="0" applyNumberFormat="1" applyFont="1" applyBorder="1" applyAlignment="1">
      <alignment horizontal="left" vertical="center"/>
    </xf>
    <xf numFmtId="49" fontId="11" fillId="0" borderId="29" xfId="0" applyNumberFormat="1" applyFont="1" applyBorder="1" applyAlignment="1">
      <alignment horizontal="left" vertical="center"/>
    </xf>
    <xf numFmtId="49" fontId="11" fillId="0" borderId="29" xfId="0" applyNumberFormat="1" applyFont="1" applyBorder="1" applyAlignment="1">
      <alignment vertical="center"/>
    </xf>
    <xf numFmtId="49" fontId="11" fillId="0" borderId="29" xfId="0" applyNumberFormat="1" applyFont="1" applyBorder="1" applyAlignment="1">
      <alignment horizontal="right" vertical="center"/>
    </xf>
    <xf numFmtId="49" fontId="11" fillId="0" borderId="33" xfId="0" applyNumberFormat="1" applyFont="1" applyBorder="1" applyAlignment="1">
      <alignment horizontal="right" vertical="center"/>
    </xf>
    <xf numFmtId="49" fontId="8" fillId="0" borderId="28" xfId="0" applyNumberFormat="1" applyFont="1" applyBorder="1" applyAlignment="1">
      <alignment horizontal="right" vertical="center"/>
    </xf>
    <xf numFmtId="49" fontId="8" fillId="0" borderId="31" xfId="0" applyNumberFormat="1" applyFont="1" applyBorder="1" applyAlignment="1">
      <alignment horizontal="distributed" vertical="center"/>
    </xf>
    <xf numFmtId="49" fontId="10" fillId="0" borderId="31" xfId="0" applyNumberFormat="1" applyFont="1" applyBorder="1" applyAlignment="1">
      <alignment horizontal="distributed" vertical="center"/>
    </xf>
    <xf numFmtId="49" fontId="10" fillId="0" borderId="29" xfId="0" applyNumberFormat="1" applyFont="1" applyBorder="1" applyAlignment="1">
      <alignment horizontal="distributed" vertical="center"/>
    </xf>
    <xf numFmtId="0" fontId="0" fillId="0" borderId="0" xfId="0" applyBorder="1" applyAlignment="1"/>
    <xf numFmtId="49" fontId="0" fillId="0" borderId="0" xfId="0" applyNumberFormat="1" applyFont="1" applyBorder="1" applyAlignment="1">
      <alignment vertical="center"/>
    </xf>
    <xf numFmtId="49" fontId="3" fillId="0" borderId="0" xfId="0" applyNumberFormat="1" applyFont="1" applyBorder="1" applyAlignment="1">
      <alignment vertical="center"/>
    </xf>
    <xf numFmtId="49" fontId="10" fillId="0" borderId="0" xfId="0" applyNumberFormat="1" applyFont="1" applyBorder="1" applyAlignment="1">
      <alignment vertical="center"/>
    </xf>
    <xf numFmtId="49" fontId="10" fillId="0" borderId="12" xfId="0" applyNumberFormat="1" applyFont="1" applyBorder="1" applyAlignment="1">
      <alignment horizontal="right" vertical="center"/>
    </xf>
    <xf numFmtId="0" fontId="0" fillId="0" borderId="11" xfId="0" applyBorder="1" applyAlignment="1">
      <alignment horizontal="right" vertical="center"/>
    </xf>
    <xf numFmtId="0" fontId="0" fillId="0" borderId="22" xfId="0" applyBorder="1" applyAlignment="1">
      <alignment horizontal="right" vertical="center"/>
    </xf>
    <xf numFmtId="49" fontId="10" fillId="0" borderId="13" xfId="0" applyNumberFormat="1" applyFont="1" applyBorder="1" applyAlignment="1">
      <alignment horizontal="distributed" vertical="center"/>
    </xf>
    <xf numFmtId="0" fontId="0" fillId="0" borderId="10" xfId="0" applyBorder="1" applyAlignment="1">
      <alignment horizontal="distributed" vertical="center"/>
    </xf>
    <xf numFmtId="0" fontId="0" fillId="0" borderId="21" xfId="0" applyBorder="1" applyAlignment="1">
      <alignment horizontal="distributed" vertical="center"/>
    </xf>
    <xf numFmtId="49" fontId="8" fillId="0" borderId="9" xfId="0" applyNumberFormat="1" applyFont="1" applyBorder="1" applyAlignment="1">
      <alignment horizontal="distributed" vertical="center" justifyLastLine="1"/>
    </xf>
    <xf numFmtId="49" fontId="8" fillId="0" borderId="0" xfId="0" applyNumberFormat="1" applyFont="1" applyBorder="1" applyAlignment="1">
      <alignment horizontal="distributed" vertical="center" justifyLastLine="1"/>
    </xf>
    <xf numFmtId="49" fontId="10" fillId="0" borderId="0" xfId="0" applyNumberFormat="1" applyFont="1" applyBorder="1" applyAlignment="1">
      <alignment horizontal="distributed" vertical="center" justifyLastLine="1"/>
    </xf>
    <xf numFmtId="49" fontId="10" fillId="0" borderId="10" xfId="0" applyNumberFormat="1" applyFont="1" applyBorder="1" applyAlignment="1">
      <alignment horizontal="distributed" vertical="center" justifyLastLine="1"/>
    </xf>
    <xf numFmtId="49" fontId="10" fillId="0" borderId="15" xfId="0" applyNumberFormat="1" applyFont="1" applyBorder="1" applyAlignment="1">
      <alignment horizontal="right" vertical="center"/>
    </xf>
    <xf numFmtId="0" fontId="0" fillId="0" borderId="0" xfId="0" applyAlignment="1">
      <alignment horizontal="right" vertical="center"/>
    </xf>
    <xf numFmtId="0" fontId="0" fillId="0" borderId="24" xfId="0" applyBorder="1" applyAlignment="1">
      <alignment horizontal="right" vertical="center"/>
    </xf>
    <xf numFmtId="49" fontId="10" fillId="0" borderId="13" xfId="0" applyNumberFormat="1" applyFont="1" applyBorder="1" applyAlignment="1">
      <alignment horizontal="distributed" vertical="center" wrapText="1"/>
    </xf>
    <xf numFmtId="49" fontId="14" fillId="0" borderId="13" xfId="0" applyNumberFormat="1" applyFont="1" applyBorder="1" applyAlignment="1">
      <alignment horizontal="distributed" vertical="center" wrapText="1"/>
    </xf>
    <xf numFmtId="0" fontId="14" fillId="0" borderId="10" xfId="0" applyFont="1" applyBorder="1" applyAlignment="1">
      <alignment horizontal="distributed" vertical="center"/>
    </xf>
    <xf numFmtId="0" fontId="14" fillId="0" borderId="21" xfId="0" applyFont="1" applyBorder="1" applyAlignment="1">
      <alignment horizontal="distributed" vertical="center"/>
    </xf>
    <xf numFmtId="49" fontId="8" fillId="0" borderId="9" xfId="0" applyNumberFormat="1" applyFont="1" applyBorder="1" applyAlignment="1">
      <alignment horizontal="right" vertical="center"/>
    </xf>
    <xf numFmtId="0" fontId="0" fillId="0" borderId="9" xfId="0" applyBorder="1" applyAlignment="1">
      <alignment horizontal="right" vertical="center"/>
    </xf>
    <xf numFmtId="49" fontId="8" fillId="0" borderId="10" xfId="0" applyNumberFormat="1" applyFont="1" applyBorder="1" applyAlignment="1">
      <alignment horizontal="distributed" vertical="center" wrapText="1"/>
    </xf>
    <xf numFmtId="49" fontId="10" fillId="0" borderId="3" xfId="0" applyNumberFormat="1" applyFont="1" applyBorder="1" applyAlignment="1">
      <alignment horizontal="distributed" vertical="center" justifyLastLine="1"/>
    </xf>
    <xf numFmtId="49" fontId="10" fillId="0" borderId="8" xfId="0" applyNumberFormat="1" applyFont="1" applyBorder="1" applyAlignment="1">
      <alignment horizontal="distributed" vertical="center" justifyLastLine="1"/>
    </xf>
    <xf numFmtId="49" fontId="10" fillId="0" borderId="7" xfId="0" applyNumberFormat="1" applyFont="1" applyBorder="1" applyAlignment="1">
      <alignment horizontal="distributed" vertical="center" justifyLastLine="1"/>
    </xf>
    <xf numFmtId="49" fontId="10" fillId="0" borderId="11" xfId="0" applyNumberFormat="1" applyFont="1" applyBorder="1" applyAlignment="1">
      <alignment horizontal="distributed" vertical="center" justifyLastLine="1"/>
    </xf>
    <xf numFmtId="49" fontId="10" fillId="0" borderId="18" xfId="0" applyNumberFormat="1" applyFont="1" applyBorder="1" applyAlignment="1">
      <alignment horizontal="distributed" vertical="center" justifyLastLine="1"/>
    </xf>
    <xf numFmtId="49" fontId="10" fillId="0" borderId="22" xfId="0" applyNumberFormat="1" applyFont="1" applyBorder="1" applyAlignment="1">
      <alignment horizontal="distributed" vertical="center" justifyLastLine="1"/>
    </xf>
    <xf numFmtId="49" fontId="10" fillId="0" borderId="24" xfId="0" applyNumberFormat="1" applyFont="1" applyBorder="1" applyAlignment="1">
      <alignment horizontal="distributed" vertical="center" justifyLastLine="1"/>
    </xf>
    <xf numFmtId="49" fontId="10" fillId="0" borderId="25" xfId="0" applyNumberFormat="1" applyFont="1" applyBorder="1" applyAlignment="1">
      <alignment horizontal="distributed" vertical="center" justifyLastLine="1"/>
    </xf>
    <xf numFmtId="49" fontId="10" fillId="0" borderId="12" xfId="0" applyNumberFormat="1" applyFont="1" applyBorder="1" applyAlignment="1">
      <alignment horizontal="distributed" vertical="center" justifyLastLine="1"/>
    </xf>
    <xf numFmtId="49" fontId="10" fillId="0" borderId="13" xfId="0" applyNumberFormat="1" applyFont="1" applyBorder="1" applyAlignment="1">
      <alignment horizontal="distributed" vertical="center" justifyLastLine="1"/>
    </xf>
    <xf numFmtId="49" fontId="10" fillId="0" borderId="21" xfId="0" applyNumberFormat="1" applyFont="1" applyBorder="1" applyAlignment="1">
      <alignment horizontal="distributed" vertical="center" justifyLastLine="1"/>
    </xf>
    <xf numFmtId="49" fontId="11" fillId="0" borderId="14" xfId="0" applyNumberFormat="1" applyFont="1" applyBorder="1" applyAlignment="1">
      <alignment horizontal="center" vertical="center" wrapText="1"/>
    </xf>
    <xf numFmtId="49" fontId="10" fillId="0" borderId="19" xfId="0" applyNumberFormat="1" applyFont="1" applyBorder="1" applyAlignment="1">
      <alignment horizontal="center" vertical="center"/>
    </xf>
    <xf numFmtId="49" fontId="10" fillId="0" borderId="23" xfId="0" applyNumberFormat="1" applyFont="1" applyBorder="1" applyAlignment="1">
      <alignment horizontal="center" vertical="center"/>
    </xf>
    <xf numFmtId="49" fontId="10" fillId="0" borderId="14" xfId="0" applyNumberFormat="1" applyFont="1" applyBorder="1" applyAlignment="1">
      <alignment horizontal="distributed" vertical="center" justifyLastLine="1"/>
    </xf>
    <xf numFmtId="49" fontId="10" fillId="0" borderId="19" xfId="0" applyNumberFormat="1" applyFont="1" applyBorder="1" applyAlignment="1">
      <alignment horizontal="distributed" vertical="center" justifyLastLine="1"/>
    </xf>
    <xf numFmtId="49" fontId="10" fillId="0" borderId="23" xfId="0" applyNumberFormat="1" applyFont="1" applyBorder="1" applyAlignment="1">
      <alignment horizontal="distributed" vertical="center" justifyLastLine="1"/>
    </xf>
    <xf numFmtId="49" fontId="10" fillId="0" borderId="16" xfId="0" applyNumberFormat="1" applyFont="1" applyBorder="1" applyAlignment="1">
      <alignment horizontal="distributed" vertical="center" justifyLastLine="1"/>
    </xf>
    <xf numFmtId="49" fontId="10" fillId="0" borderId="17" xfId="0" applyNumberFormat="1" applyFont="1" applyBorder="1" applyAlignment="1">
      <alignment horizontal="distributed" vertical="center" justifyLastLine="1"/>
    </xf>
    <xf numFmtId="49" fontId="10" fillId="0" borderId="15" xfId="0" applyNumberFormat="1" applyFont="1" applyBorder="1" applyAlignment="1">
      <alignment horizontal="distributed" vertical="center" justifyLastLine="1"/>
    </xf>
    <xf numFmtId="49" fontId="10" fillId="0" borderId="12" xfId="0" applyNumberFormat="1" applyFont="1" applyBorder="1" applyAlignment="1">
      <alignment horizontal="distributed" vertical="center" justifyLastLine="1" shrinkToFit="1"/>
    </xf>
    <xf numFmtId="49" fontId="10" fillId="0" borderId="13" xfId="0" applyNumberFormat="1" applyFont="1" applyBorder="1" applyAlignment="1">
      <alignment horizontal="distributed" vertical="center" justifyLastLine="1" shrinkToFit="1"/>
    </xf>
    <xf numFmtId="49" fontId="10" fillId="0" borderId="11" xfId="0" applyNumberFormat="1" applyFont="1" applyBorder="1" applyAlignment="1">
      <alignment horizontal="distributed" vertical="center" justifyLastLine="1" shrinkToFit="1"/>
    </xf>
    <xf numFmtId="49" fontId="10" fillId="0" borderId="10" xfId="0" applyNumberFormat="1" applyFont="1" applyBorder="1" applyAlignment="1">
      <alignment horizontal="distributed" vertical="center" justifyLastLine="1" shrinkToFit="1"/>
    </xf>
    <xf numFmtId="49" fontId="10" fillId="0" borderId="22" xfId="0" applyNumberFormat="1" applyFont="1" applyBorder="1" applyAlignment="1">
      <alignment horizontal="distributed" vertical="center" justifyLastLine="1" shrinkToFit="1"/>
    </xf>
    <xf numFmtId="49" fontId="10" fillId="0" borderId="21" xfId="0" applyNumberFormat="1" applyFont="1" applyBorder="1" applyAlignment="1">
      <alignment horizontal="distributed" vertical="center" justifyLastLine="1" shrinkToFit="1"/>
    </xf>
    <xf numFmtId="49" fontId="1" fillId="0" borderId="0" xfId="0" applyNumberFormat="1" applyFont="1" applyAlignment="1">
      <alignment horizontal="right" vertical="center"/>
    </xf>
    <xf numFmtId="49" fontId="1" fillId="0" borderId="0" xfId="0" applyNumberFormat="1" applyFont="1" applyAlignment="1">
      <alignment horizontal="left" vertical="center"/>
    </xf>
    <xf numFmtId="49" fontId="10" fillId="0" borderId="1" xfId="0" applyNumberFormat="1" applyFont="1" applyBorder="1" applyAlignment="1">
      <alignment horizontal="distributed" vertical="center" justifyLastLine="1"/>
    </xf>
    <xf numFmtId="49" fontId="10" fillId="0" borderId="2" xfId="0" applyNumberFormat="1" applyFont="1" applyBorder="1" applyAlignment="1">
      <alignment horizontal="distributed" vertical="center" justifyLastLine="1"/>
    </xf>
    <xf numFmtId="49" fontId="10" fillId="0" borderId="9" xfId="0" applyNumberFormat="1" applyFont="1" applyBorder="1" applyAlignment="1">
      <alignment horizontal="distributed" vertical="center" justifyLastLine="1"/>
    </xf>
    <xf numFmtId="49" fontId="10" fillId="0" borderId="20" xfId="0" applyNumberFormat="1" applyFont="1" applyBorder="1" applyAlignment="1">
      <alignment horizontal="distributed" vertical="center" justifyLastLine="1"/>
    </xf>
    <xf numFmtId="49" fontId="10" fillId="0" borderId="4" xfId="0" applyNumberFormat="1" applyFont="1" applyBorder="1" applyAlignment="1">
      <alignment horizontal="distributed" vertical="center" justifyLastLine="1"/>
    </xf>
    <xf numFmtId="49" fontId="10" fillId="0" borderId="5" xfId="0" applyNumberFormat="1" applyFont="1" applyBorder="1" applyAlignment="1">
      <alignment horizontal="distributed" vertical="center" justifyLastLine="1"/>
    </xf>
    <xf numFmtId="49" fontId="10" fillId="0" borderId="6" xfId="0" applyNumberFormat="1" applyFont="1" applyBorder="1" applyAlignment="1">
      <alignment horizontal="distributed" vertical="center" justifyLastLine="1"/>
    </xf>
    <xf numFmtId="49" fontId="8" fillId="0" borderId="11" xfId="0" applyNumberFormat="1" applyFont="1" applyBorder="1" applyAlignment="1">
      <alignment horizontal="right" vertical="center" shrinkToFit="1"/>
    </xf>
    <xf numFmtId="49" fontId="8" fillId="0" borderId="10" xfId="0" applyNumberFormat="1" applyFont="1" applyBorder="1" applyAlignment="1">
      <alignment horizontal="right" vertical="center" shrinkToFit="1"/>
    </xf>
    <xf numFmtId="49" fontId="8" fillId="0" borderId="0" xfId="0" applyNumberFormat="1" applyFont="1" applyBorder="1" applyAlignment="1">
      <alignment horizontal="right" vertical="center"/>
    </xf>
    <xf numFmtId="49" fontId="8" fillId="0" borderId="10" xfId="0" applyNumberFormat="1" applyFont="1" applyBorder="1" applyAlignment="1">
      <alignment horizontal="distributed" vertical="center"/>
    </xf>
    <xf numFmtId="0" fontId="0" fillId="0" borderId="10" xfId="0" applyBorder="1" applyAlignment="1">
      <alignment vertical="center"/>
    </xf>
    <xf numFmtId="0" fontId="0" fillId="0" borderId="21" xfId="0" applyBorder="1" applyAlignment="1">
      <alignment vertical="center"/>
    </xf>
    <xf numFmtId="49" fontId="10" fillId="0" borderId="35" xfId="0" applyNumberFormat="1" applyFont="1" applyBorder="1" applyAlignment="1">
      <alignment horizontal="distributed" vertical="center" justifyLastLine="1"/>
    </xf>
    <xf numFmtId="49" fontId="10" fillId="0" borderId="12" xfId="0" applyNumberFormat="1" applyFont="1" applyBorder="1" applyAlignment="1">
      <alignment horizontal="distributed" vertical="center" wrapText="1" justifyLastLine="1"/>
    </xf>
    <xf numFmtId="49" fontId="11" fillId="0" borderId="19" xfId="0" applyNumberFormat="1" applyFont="1" applyBorder="1" applyAlignment="1">
      <alignment horizontal="center" vertical="center" wrapText="1"/>
    </xf>
    <xf numFmtId="49" fontId="11" fillId="0" borderId="23" xfId="0" applyNumberFormat="1" applyFont="1" applyBorder="1" applyAlignment="1">
      <alignment horizontal="center" vertical="center" wrapText="1"/>
    </xf>
    <xf numFmtId="49" fontId="11" fillId="0" borderId="12" xfId="0" applyNumberFormat="1" applyFont="1" applyBorder="1" applyAlignment="1">
      <alignment horizontal="center" vertical="center" wrapText="1"/>
    </xf>
    <xf numFmtId="49" fontId="11" fillId="0" borderId="13" xfId="0" applyNumberFormat="1" applyFont="1" applyBorder="1" applyAlignment="1">
      <alignment horizontal="center" vertical="center" wrapText="1"/>
    </xf>
    <xf numFmtId="49" fontId="11" fillId="0" borderId="11" xfId="0" applyNumberFormat="1" applyFont="1" applyBorder="1" applyAlignment="1">
      <alignment horizontal="center" vertical="center" wrapText="1"/>
    </xf>
    <xf numFmtId="49" fontId="11" fillId="0" borderId="10" xfId="0" applyNumberFormat="1" applyFont="1" applyBorder="1" applyAlignment="1">
      <alignment horizontal="center" vertical="center" wrapText="1"/>
    </xf>
    <xf numFmtId="49" fontId="11" fillId="0" borderId="22" xfId="0" applyNumberFormat="1" applyFont="1" applyBorder="1" applyAlignment="1">
      <alignment horizontal="center" vertical="center" wrapText="1"/>
    </xf>
    <xf numFmtId="49" fontId="11" fillId="0" borderId="21" xfId="0" applyNumberFormat="1" applyFont="1" applyBorder="1" applyAlignment="1">
      <alignment horizontal="center" vertical="center" wrapText="1"/>
    </xf>
    <xf numFmtId="49" fontId="10" fillId="0" borderId="15" xfId="0" applyNumberFormat="1" applyFont="1" applyBorder="1" applyAlignment="1">
      <alignment horizontal="distributed" vertical="center"/>
    </xf>
    <xf numFmtId="49" fontId="10" fillId="0" borderId="0" xfId="0" applyNumberFormat="1" applyFont="1" applyBorder="1" applyAlignment="1">
      <alignment horizontal="distributed" vertical="center"/>
    </xf>
    <xf numFmtId="49" fontId="10" fillId="0" borderId="10" xfId="0" applyNumberFormat="1" applyFont="1" applyBorder="1" applyAlignment="1">
      <alignment horizontal="distributed" vertical="center"/>
    </xf>
    <xf numFmtId="49" fontId="10" fillId="0" borderId="24" xfId="0" applyNumberFormat="1" applyFont="1" applyBorder="1" applyAlignment="1">
      <alignment horizontal="distributed" vertical="center"/>
    </xf>
    <xf numFmtId="49" fontId="10" fillId="0" borderId="21" xfId="0" applyNumberFormat="1" applyFont="1" applyBorder="1" applyAlignment="1">
      <alignment horizontal="distributed" vertical="center"/>
    </xf>
    <xf numFmtId="49" fontId="10" fillId="0" borderId="34" xfId="0" applyNumberFormat="1" applyFont="1" applyBorder="1" applyAlignment="1">
      <alignment horizontal="distributed" vertical="center" justifyLastLine="1"/>
    </xf>
    <xf numFmtId="49" fontId="10" fillId="0" borderId="36" xfId="0" applyNumberFormat="1" applyFont="1" applyBorder="1" applyAlignment="1">
      <alignment horizontal="distributed" vertical="center" justifyLastLine="1"/>
    </xf>
    <xf numFmtId="49" fontId="10" fillId="0" borderId="37" xfId="0" applyNumberFormat="1" applyFont="1" applyBorder="1" applyAlignment="1">
      <alignment horizontal="distributed" vertical="center" justifyLastLine="1"/>
    </xf>
    <xf numFmtId="49" fontId="11" fillId="0" borderId="13" xfId="0" applyNumberFormat="1" applyFont="1" applyBorder="1" applyAlignment="1">
      <alignment horizontal="distributed" vertical="center" wrapText="1"/>
    </xf>
    <xf numFmtId="0" fontId="11" fillId="0" borderId="10" xfId="0" applyFont="1" applyBorder="1" applyAlignment="1">
      <alignment horizontal="distributed" vertical="center"/>
    </xf>
    <xf numFmtId="0" fontId="11" fillId="0" borderId="21" xfId="0" applyFont="1" applyBorder="1" applyAlignment="1">
      <alignment horizontal="distributed" vertical="center"/>
    </xf>
    <xf numFmtId="49" fontId="17" fillId="0" borderId="10" xfId="0" applyNumberFormat="1" applyFont="1" applyBorder="1" applyAlignment="1">
      <alignment horizontal="distributed" vertical="center" wrapText="1"/>
    </xf>
    <xf numFmtId="49" fontId="10" fillId="0" borderId="0" xfId="0" applyNumberFormat="1" applyFont="1" applyBorder="1" applyAlignment="1">
      <alignment horizontal="right" vertical="center"/>
    </xf>
    <xf numFmtId="49" fontId="10" fillId="0" borderId="10" xfId="0" applyNumberFormat="1" applyFont="1" applyBorder="1" applyAlignment="1">
      <alignment horizontal="distributed" vertical="center" wrapText="1"/>
    </xf>
    <xf numFmtId="0" fontId="0" fillId="0" borderId="29" xfId="0" applyBorder="1" applyAlignment="1">
      <alignment horizontal="right" vertical="center"/>
    </xf>
    <xf numFmtId="0" fontId="0" fillId="0" borderId="31" xfId="0" applyBorder="1" applyAlignment="1">
      <alignment horizontal="distributed" vertical="center"/>
    </xf>
    <xf numFmtId="49" fontId="10" fillId="0" borderId="11" xfId="0" applyNumberFormat="1" applyFont="1" applyBorder="1" applyAlignment="1">
      <alignment horizontal="right" vertical="center"/>
    </xf>
    <xf numFmtId="0" fontId="0" fillId="0" borderId="30" xfId="0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styles" Target="style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externalLink" Target="externalLinks/externalLink2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sharedStrings" Target="sharedStrings.xml"/><Relationship Id="rId8" Type="http://schemas.openxmlformats.org/officeDocument/2006/relationships/worksheet" Target="worksheets/sheet8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2</xdr:col>
      <xdr:colOff>15240</xdr:colOff>
      <xdr:row>0</xdr:row>
      <xdr:rowOff>45720</xdr:rowOff>
    </xdr:from>
    <xdr:to>
      <xdr:col>37</xdr:col>
      <xdr:colOff>41288</xdr:colOff>
      <xdr:row>1</xdr:row>
      <xdr:rowOff>279389</xdr:rowOff>
    </xdr:to>
    <xdr:sp macro="" textlink="">
      <xdr:nvSpPr>
        <xdr:cNvPr id="2" name="会計注釈"/>
        <xdr:cNvSpPr>
          <a:spLocks noChangeArrowheads="1"/>
        </xdr:cNvSpPr>
      </xdr:nvSpPr>
      <xdr:spPr bwMode="auto">
        <a:xfrm>
          <a:off x="11178540" y="45720"/>
          <a:ext cx="1565288" cy="355589"/>
        </a:xfrm>
        <a:prstGeom prst="bracketPair">
          <a:avLst>
            <a:gd name="adj" fmla="val 8824"/>
          </a:avLst>
        </a:prstGeom>
        <a:noFill/>
        <a:ln w="6350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収入済額欄の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×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印は過誤納金</a:t>
          </a:r>
        </a:p>
        <a:p>
          <a:pPr algn="ctr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還付未済額を示すものである　　　　　　　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2103\03_&#27770;&#31639;&#22269;&#36027;G\K%20&#27770;&#31639;&#38306;&#20418;&#65288;R5&#65289;\K01%20&#27770;&#31639;&#12539;&#27770;&#29305;&#65288;R5&#65289;\21%20&#27770;&#31639;&#26360;&#31561;&#20316;&#25104;&#12501;&#12457;&#12523;&#12480;\03_&#27770;&#31639;&#26360;&#20316;&#25104;&#12510;&#12463;&#12525;\KSNN002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2103\03_&#27770;&#31639;&#22269;&#36027;G\K%20&#27770;&#31639;&#38306;&#20418;&#65288;R5&#65289;\K01%20&#27770;&#31639;&#12539;&#27770;&#29305;&#65288;R5&#65289;\21%20&#27770;&#31639;&#26360;&#31561;&#20316;&#25104;&#12501;&#12457;&#12523;&#12480;\03_&#27770;&#31639;&#26360;&#20316;&#25104;&#12510;&#12463;&#12525;\KSNS002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歳入明細書"/>
      <sheetName val="編集画面"/>
      <sheetName val="合計編集画面"/>
      <sheetName val="Def1_歳入明細書"/>
      <sheetName val="Par_パラメタ"/>
      <sheetName val="Def2_歳入明細書"/>
      <sheetName val="Def3_歳入明細書"/>
      <sheetName val="Def4_歳入明細書"/>
      <sheetName val="Def5_歳入明細書"/>
      <sheetName val="Def6_歳入明細書"/>
      <sheetName val="Def7_歳入明細書"/>
      <sheetName val="Def8_歳入明細書"/>
      <sheetName val="Def9_歳入明細書"/>
      <sheetName val="Def_基本初期値"/>
    </sheetNames>
    <sheetDataSet>
      <sheetData sheetId="0"/>
      <sheetData sheetId="1"/>
      <sheetData sheetId="2"/>
      <sheetData sheetId="3">
        <row r="6">
          <cell r="AZ6">
            <v>1</v>
          </cell>
        </row>
        <row r="7">
          <cell r="AZ7">
            <v>2</v>
          </cell>
        </row>
        <row r="8">
          <cell r="AZ8">
            <v>5</v>
          </cell>
        </row>
        <row r="9">
          <cell r="AZ9">
            <v>38</v>
          </cell>
        </row>
        <row r="25">
          <cell r="AZ25">
            <v>1</v>
          </cell>
        </row>
        <row r="26">
          <cell r="AZ26">
            <v>2</v>
          </cell>
        </row>
        <row r="27">
          <cell r="AZ27">
            <v>6</v>
          </cell>
        </row>
        <row r="28">
          <cell r="AZ28">
            <v>75</v>
          </cell>
        </row>
      </sheetData>
      <sheetData sheetId="4">
        <row r="25">
          <cell r="S25">
            <v>1</v>
          </cell>
        </row>
        <row r="26">
          <cell r="S26">
            <v>2</v>
          </cell>
        </row>
        <row r="27">
          <cell r="S27">
            <v>6</v>
          </cell>
        </row>
        <row r="28">
          <cell r="S28">
            <v>76</v>
          </cell>
        </row>
        <row r="29">
          <cell r="S29">
            <v>1</v>
          </cell>
        </row>
      </sheetData>
      <sheetData sheetId="5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6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7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8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9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0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1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2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歳出明細書"/>
      <sheetName val="編集画面"/>
      <sheetName val="Par_パラメタ"/>
      <sheetName val="合計編集画面"/>
      <sheetName val="Def_基本初期値"/>
      <sheetName val="Def1_歳出明細書"/>
      <sheetName val="Def2_歳出明細書"/>
      <sheetName val="Def3_歳出明細書"/>
      <sheetName val="Def4_歳出明細書"/>
      <sheetName val="Def5_歳出明細書"/>
      <sheetName val="Def6_歳出明細書"/>
      <sheetName val="Def7_歳出明細書"/>
      <sheetName val="Def8_歳出明細書"/>
      <sheetName val="Def9_歳出明細書"/>
      <sheetName val="Def10_歳出明細書"/>
      <sheetName val="Def11_歳出明細書"/>
      <sheetName val="Def12_歳出明細書"/>
      <sheetName val="Def13_歳出明細書"/>
      <sheetName val="Def14_歳出明細書"/>
      <sheetName val="Def15_歳出明細書"/>
      <sheetName val="Def16_歳出明細書"/>
      <sheetName val="Def17_歳出明細書"/>
      <sheetName val="Def18_歳出明細書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tabSelected="1"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0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1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194" t="s">
        <v>22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2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 t="s">
        <v>24</v>
      </c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25</v>
      </c>
      <c r="I12" s="35"/>
      <c r="J12" s="36" t="s">
        <v>26</v>
      </c>
      <c r="K12" s="37" t="s">
        <v>27</v>
      </c>
      <c r="L12" s="37" t="s">
        <v>28</v>
      </c>
      <c r="M12" s="38"/>
      <c r="N12" s="38"/>
      <c r="O12" s="39"/>
      <c r="P12" s="35"/>
      <c r="Q12" s="36"/>
      <c r="R12" s="35" t="s">
        <v>29</v>
      </c>
      <c r="S12" s="40"/>
      <c r="T12" s="41" t="s">
        <v>29</v>
      </c>
      <c r="U12" s="36" t="s">
        <v>30</v>
      </c>
      <c r="V12" s="35"/>
      <c r="W12" s="36" t="s">
        <v>3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78" t="s">
        <v>31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32</v>
      </c>
      <c r="I15" s="33"/>
      <c r="J15" s="59" t="s">
        <v>30</v>
      </c>
      <c r="K15" s="60" t="s">
        <v>30</v>
      </c>
      <c r="L15" s="60" t="s">
        <v>32</v>
      </c>
      <c r="M15" s="61"/>
      <c r="N15" s="61"/>
      <c r="O15" s="34"/>
      <c r="P15" s="33"/>
      <c r="Q15" s="59"/>
      <c r="R15" s="33" t="s">
        <v>33</v>
      </c>
      <c r="S15" s="62"/>
      <c r="T15" s="63" t="s">
        <v>33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34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32</v>
      </c>
      <c r="I18" s="33"/>
      <c r="J18" s="59" t="s">
        <v>30</v>
      </c>
      <c r="K18" s="60" t="s">
        <v>30</v>
      </c>
      <c r="L18" s="60" t="s">
        <v>32</v>
      </c>
      <c r="M18" s="61"/>
      <c r="N18" s="61"/>
      <c r="O18" s="34"/>
      <c r="P18" s="33"/>
      <c r="Q18" s="59"/>
      <c r="R18" s="33" t="s">
        <v>33</v>
      </c>
      <c r="S18" s="62"/>
      <c r="T18" s="63" t="s">
        <v>33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89" t="s">
        <v>35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90"/>
      <c r="P21" s="33"/>
      <c r="Q21" s="59" t="s">
        <v>32</v>
      </c>
      <c r="R21" s="33" t="s">
        <v>33</v>
      </c>
      <c r="S21" s="62"/>
      <c r="T21" s="63" t="s">
        <v>33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91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47"/>
      <c r="B23" s="75"/>
      <c r="C23" s="175" t="s">
        <v>36</v>
      </c>
      <c r="D23" s="178" t="s">
        <v>37</v>
      </c>
      <c r="E23" s="48"/>
      <c r="F23" s="49"/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176"/>
      <c r="D24" s="179"/>
      <c r="E24" s="33"/>
      <c r="F24" s="34"/>
      <c r="G24" s="33"/>
      <c r="H24" s="59" t="s">
        <v>38</v>
      </c>
      <c r="I24" s="33"/>
      <c r="J24" s="59" t="s">
        <v>26</v>
      </c>
      <c r="K24" s="60" t="s">
        <v>30</v>
      </c>
      <c r="L24" s="60" t="s">
        <v>39</v>
      </c>
      <c r="M24" s="61"/>
      <c r="N24" s="61"/>
      <c r="O24" s="58"/>
      <c r="P24" s="33"/>
      <c r="Q24" s="59"/>
      <c r="R24" s="33" t="s">
        <v>40</v>
      </c>
      <c r="S24" s="62"/>
      <c r="T24" s="63" t="s">
        <v>40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176"/>
      <c r="D25" s="179"/>
      <c r="E25" s="33"/>
      <c r="F25" s="34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175" t="s">
        <v>21</v>
      </c>
      <c r="F26" s="188" t="s">
        <v>41</v>
      </c>
      <c r="G26" s="48"/>
      <c r="H26" s="50"/>
      <c r="I26" s="48"/>
      <c r="J26" s="50"/>
      <c r="K26" s="51"/>
      <c r="L26" s="51"/>
      <c r="M26" s="52"/>
      <c r="N26" s="52"/>
      <c r="O26" s="49"/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176"/>
      <c r="F27" s="179"/>
      <c r="G27" s="33"/>
      <c r="H27" s="59" t="s">
        <v>42</v>
      </c>
      <c r="I27" s="33"/>
      <c r="J27" s="59" t="s">
        <v>30</v>
      </c>
      <c r="K27" s="60" t="s">
        <v>30</v>
      </c>
      <c r="L27" s="60" t="s">
        <v>42</v>
      </c>
      <c r="M27" s="61"/>
      <c r="N27" s="61"/>
      <c r="O27" s="34"/>
      <c r="P27" s="33"/>
      <c r="Q27" s="59"/>
      <c r="R27" s="33" t="s">
        <v>43</v>
      </c>
      <c r="S27" s="62"/>
      <c r="T27" s="63" t="s">
        <v>43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33"/>
      <c r="D28" s="34"/>
      <c r="E28" s="176"/>
      <c r="F28" s="179"/>
      <c r="G28" s="33"/>
      <c r="H28" s="59"/>
      <c r="I28" s="33"/>
      <c r="J28" s="59"/>
      <c r="K28" s="60"/>
      <c r="L28" s="60"/>
      <c r="M28" s="61"/>
      <c r="N28" s="61"/>
      <c r="O28" s="34"/>
      <c r="P28" s="33"/>
      <c r="Q28" s="59"/>
      <c r="R28" s="33"/>
      <c r="S28" s="62"/>
      <c r="T28" s="63"/>
      <c r="U28" s="59"/>
      <c r="V28" s="33"/>
      <c r="W28" s="59"/>
      <c r="X28" s="27"/>
      <c r="Y28" s="27"/>
      <c r="Z28" s="27"/>
      <c r="AA28" s="27"/>
      <c r="AB28" s="28"/>
      <c r="AC28" s="28"/>
      <c r="AD28" s="28"/>
      <c r="AE28" s="28"/>
      <c r="AF28" s="28"/>
      <c r="AG28" s="28"/>
      <c r="AH28" s="28"/>
      <c r="AI28" s="28"/>
      <c r="AJ28" s="28"/>
      <c r="AK28" s="29"/>
      <c r="AL28" s="29"/>
      <c r="AM28" s="30"/>
    </row>
    <row r="29" spans="1:39" s="46" customFormat="1" ht="9.75" customHeight="1">
      <c r="A29" s="57"/>
      <c r="B29" s="58"/>
      <c r="C29" s="33"/>
      <c r="D29" s="58"/>
      <c r="E29" s="33"/>
      <c r="F29" s="34"/>
      <c r="G29" s="33"/>
      <c r="H29" s="59"/>
      <c r="I29" s="33"/>
      <c r="J29" s="59"/>
      <c r="K29" s="60"/>
      <c r="L29" s="60"/>
      <c r="M29" s="61"/>
      <c r="N29" s="185" t="s">
        <v>21</v>
      </c>
      <c r="O29" s="188" t="s">
        <v>44</v>
      </c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57"/>
      <c r="B30" s="58"/>
      <c r="C30" s="33"/>
      <c r="D30" s="58"/>
      <c r="E30" s="33"/>
      <c r="F30" s="34"/>
      <c r="G30" s="33"/>
      <c r="H30" s="59"/>
      <c r="I30" s="33"/>
      <c r="J30" s="59"/>
      <c r="K30" s="60"/>
      <c r="L30" s="60"/>
      <c r="M30" s="61"/>
      <c r="N30" s="186"/>
      <c r="O30" s="179"/>
      <c r="P30" s="33"/>
      <c r="Q30" s="59" t="s">
        <v>45</v>
      </c>
      <c r="R30" s="33" t="s">
        <v>45</v>
      </c>
      <c r="S30" s="62"/>
      <c r="T30" s="63" t="s">
        <v>45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57"/>
      <c r="B31" s="58"/>
      <c r="C31" s="33"/>
      <c r="D31" s="58"/>
      <c r="E31" s="33"/>
      <c r="F31" s="34"/>
      <c r="G31" s="33"/>
      <c r="H31" s="59"/>
      <c r="I31" s="33"/>
      <c r="J31" s="59"/>
      <c r="K31" s="60"/>
      <c r="L31" s="60"/>
      <c r="M31" s="61"/>
      <c r="N31" s="187"/>
      <c r="O31" s="180"/>
      <c r="P31" s="33"/>
      <c r="Q31" s="59"/>
      <c r="R31" s="33"/>
      <c r="S31" s="62"/>
      <c r="T31" s="63"/>
      <c r="U31" s="59"/>
      <c r="V31" s="33"/>
      <c r="W31" s="59"/>
      <c r="X31" s="27"/>
      <c r="Y31" s="27"/>
      <c r="Z31" s="27"/>
      <c r="AA31" s="27"/>
      <c r="AB31" s="28"/>
      <c r="AC31" s="28"/>
      <c r="AD31" s="28"/>
      <c r="AE31" s="28"/>
      <c r="AF31" s="28"/>
      <c r="AG31" s="28"/>
      <c r="AH31" s="28"/>
      <c r="AI31" s="28"/>
      <c r="AJ31" s="28"/>
      <c r="AK31" s="29"/>
      <c r="AL31" s="29"/>
      <c r="AM31" s="30"/>
    </row>
    <row r="32" spans="1:39" s="46" customFormat="1" ht="9.75" customHeight="1">
      <c r="A32" s="57"/>
      <c r="B32" s="58"/>
      <c r="C32" s="33"/>
      <c r="D32" s="58"/>
      <c r="E32" s="33"/>
      <c r="F32" s="58"/>
      <c r="G32" s="33"/>
      <c r="H32" s="59"/>
      <c r="I32" s="33"/>
      <c r="J32" s="59"/>
      <c r="K32" s="60"/>
      <c r="L32" s="60"/>
      <c r="M32" s="61"/>
      <c r="N32" s="185" t="s">
        <v>36</v>
      </c>
      <c r="O32" s="188" t="s">
        <v>46</v>
      </c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57"/>
      <c r="B33" s="58"/>
      <c r="C33" s="33"/>
      <c r="D33" s="58"/>
      <c r="E33" s="33"/>
      <c r="F33" s="58"/>
      <c r="G33" s="33"/>
      <c r="H33" s="59"/>
      <c r="I33" s="33"/>
      <c r="J33" s="59"/>
      <c r="K33" s="60"/>
      <c r="L33" s="60"/>
      <c r="M33" s="61"/>
      <c r="N33" s="186"/>
      <c r="O33" s="179"/>
      <c r="P33" s="33"/>
      <c r="Q33" s="59" t="s">
        <v>47</v>
      </c>
      <c r="R33" s="33" t="s">
        <v>48</v>
      </c>
      <c r="S33" s="62"/>
      <c r="T33" s="63" t="s">
        <v>48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57"/>
      <c r="B34" s="58"/>
      <c r="C34" s="33"/>
      <c r="D34" s="58"/>
      <c r="E34" s="33"/>
      <c r="F34" s="58"/>
      <c r="G34" s="33"/>
      <c r="H34" s="59"/>
      <c r="I34" s="33"/>
      <c r="J34" s="59"/>
      <c r="K34" s="60"/>
      <c r="L34" s="60"/>
      <c r="M34" s="61"/>
      <c r="N34" s="187"/>
      <c r="O34" s="180"/>
      <c r="P34" s="33"/>
      <c r="Q34" s="59"/>
      <c r="R34" s="33"/>
      <c r="S34" s="62"/>
      <c r="T34" s="63"/>
      <c r="U34" s="59"/>
      <c r="V34" s="33"/>
      <c r="W34" s="59"/>
      <c r="X34" s="27"/>
      <c r="Y34" s="27"/>
      <c r="Z34" s="27"/>
      <c r="AA34" s="27"/>
      <c r="AB34" s="28"/>
      <c r="AC34" s="28"/>
      <c r="AD34" s="28"/>
      <c r="AE34" s="28"/>
      <c r="AF34" s="28"/>
      <c r="AG34" s="28"/>
      <c r="AH34" s="28"/>
      <c r="AI34" s="28"/>
      <c r="AJ34" s="28"/>
      <c r="AK34" s="29"/>
      <c r="AL34" s="29"/>
      <c r="AM34" s="30"/>
    </row>
    <row r="35" spans="1:39" s="46" customFormat="1" ht="9.75" customHeight="1">
      <c r="A35" s="47"/>
      <c r="B35" s="75"/>
      <c r="C35" s="33"/>
      <c r="D35" s="34"/>
      <c r="E35" s="175" t="s">
        <v>36</v>
      </c>
      <c r="F35" s="188" t="s">
        <v>49</v>
      </c>
      <c r="G35" s="48"/>
      <c r="H35" s="50"/>
      <c r="I35" s="48"/>
      <c r="J35" s="50"/>
      <c r="K35" s="51"/>
      <c r="L35" s="51"/>
      <c r="M35" s="52"/>
      <c r="N35" s="52"/>
      <c r="O35" s="76"/>
      <c r="P35" s="48"/>
      <c r="Q35" s="50"/>
      <c r="R35" s="48"/>
      <c r="S35" s="53"/>
      <c r="T35" s="54"/>
      <c r="U35" s="50"/>
      <c r="V35" s="48"/>
      <c r="W35" s="50"/>
      <c r="X35" s="55" t="s">
        <v>3</v>
      </c>
      <c r="Y35" s="55"/>
      <c r="Z35" s="55"/>
      <c r="AA35" s="55"/>
      <c r="AB35" s="56"/>
      <c r="AC35" s="56"/>
      <c r="AD35" s="56"/>
      <c r="AE35" s="56"/>
      <c r="AF35" s="56"/>
      <c r="AG35" s="56"/>
      <c r="AH35" s="56"/>
      <c r="AI35" s="56"/>
      <c r="AJ35" s="56"/>
      <c r="AK35" s="19"/>
      <c r="AL35" s="19"/>
      <c r="AM35" s="26"/>
    </row>
    <row r="36" spans="1:39" s="46" customFormat="1" ht="9.75" customHeight="1">
      <c r="A36" s="47"/>
      <c r="B36" s="75"/>
      <c r="C36" s="33"/>
      <c r="D36" s="34"/>
      <c r="E36" s="176"/>
      <c r="F36" s="179"/>
      <c r="G36" s="33"/>
      <c r="H36" s="59" t="s">
        <v>50</v>
      </c>
      <c r="I36" s="33"/>
      <c r="J36" s="59" t="s">
        <v>26</v>
      </c>
      <c r="K36" s="60" t="s">
        <v>30</v>
      </c>
      <c r="L36" s="60" t="s">
        <v>51</v>
      </c>
      <c r="M36" s="61"/>
      <c r="N36" s="61"/>
      <c r="O36" s="58"/>
      <c r="P36" s="33"/>
      <c r="Q36" s="59"/>
      <c r="R36" s="33" t="s">
        <v>51</v>
      </c>
      <c r="S36" s="62"/>
      <c r="T36" s="63" t="s">
        <v>51</v>
      </c>
      <c r="U36" s="59" t="s">
        <v>30</v>
      </c>
      <c r="V36" s="33"/>
      <c r="W36" s="59" t="s">
        <v>30</v>
      </c>
      <c r="X36" s="27"/>
      <c r="Y36" s="27"/>
      <c r="Z36" s="27"/>
      <c r="AA36" s="27"/>
      <c r="AB36" s="28"/>
      <c r="AC36" s="28"/>
      <c r="AD36" s="28"/>
      <c r="AE36" s="28"/>
      <c r="AF36" s="28"/>
      <c r="AG36" s="28"/>
      <c r="AH36" s="28"/>
      <c r="AI36" s="28"/>
      <c r="AJ36" s="28"/>
      <c r="AK36" s="29"/>
      <c r="AL36" s="29"/>
      <c r="AM36" s="30"/>
    </row>
    <row r="37" spans="1:39" s="46" customFormat="1" ht="9.75" customHeight="1">
      <c r="A37" s="47"/>
      <c r="B37" s="75"/>
      <c r="C37" s="64"/>
      <c r="D37" s="77"/>
      <c r="E37" s="177"/>
      <c r="F37" s="180"/>
      <c r="G37" s="64"/>
      <c r="H37" s="66"/>
      <c r="I37" s="64"/>
      <c r="J37" s="66"/>
      <c r="K37" s="67"/>
      <c r="L37" s="67"/>
      <c r="M37" s="68"/>
      <c r="N37" s="68"/>
      <c r="O37" s="65"/>
      <c r="P37" s="64"/>
      <c r="Q37" s="66"/>
      <c r="R37" s="64"/>
      <c r="S37" s="69"/>
      <c r="T37" s="70"/>
      <c r="U37" s="66"/>
      <c r="V37" s="64"/>
      <c r="W37" s="66"/>
      <c r="X37" s="71"/>
      <c r="Y37" s="71"/>
      <c r="Z37" s="71"/>
      <c r="AA37" s="71"/>
      <c r="AB37" s="72"/>
      <c r="AC37" s="72"/>
      <c r="AD37" s="72"/>
      <c r="AE37" s="72"/>
      <c r="AF37" s="72"/>
      <c r="AG37" s="72"/>
      <c r="AH37" s="72"/>
      <c r="AI37" s="72"/>
      <c r="AJ37" s="72"/>
      <c r="AK37" s="73"/>
      <c r="AL37" s="73"/>
      <c r="AM37" s="74"/>
    </row>
    <row r="38" spans="1:39" s="46" customFormat="1" ht="9.75" customHeight="1">
      <c r="A38" s="47"/>
      <c r="B38" s="75"/>
      <c r="C38" s="175" t="s">
        <v>52</v>
      </c>
      <c r="D38" s="178" t="s">
        <v>53</v>
      </c>
      <c r="E38" s="48"/>
      <c r="F38" s="49"/>
      <c r="G38" s="48"/>
      <c r="H38" s="50"/>
      <c r="I38" s="48"/>
      <c r="J38" s="50"/>
      <c r="K38" s="51"/>
      <c r="L38" s="51"/>
      <c r="M38" s="52"/>
      <c r="N38" s="52"/>
      <c r="O38" s="76"/>
      <c r="P38" s="48"/>
      <c r="Q38" s="50"/>
      <c r="R38" s="48"/>
      <c r="S38" s="53"/>
      <c r="T38" s="54"/>
      <c r="U38" s="50"/>
      <c r="V38" s="48"/>
      <c r="W38" s="50"/>
      <c r="X38" s="55" t="s">
        <v>23</v>
      </c>
      <c r="Y38" s="55"/>
      <c r="Z38" s="55"/>
      <c r="AA38" s="55"/>
      <c r="AB38" s="56"/>
      <c r="AC38" s="56"/>
      <c r="AD38" s="56"/>
      <c r="AE38" s="56"/>
      <c r="AF38" s="56"/>
      <c r="AG38" s="56"/>
      <c r="AH38" s="56"/>
      <c r="AI38" s="56"/>
      <c r="AJ38" s="56"/>
      <c r="AK38" s="19"/>
      <c r="AL38" s="19"/>
      <c r="AM38" s="26" t="s">
        <v>24</v>
      </c>
    </row>
    <row r="39" spans="1:39" s="46" customFormat="1" ht="9.75" customHeight="1">
      <c r="A39" s="47"/>
      <c r="B39" s="75"/>
      <c r="C39" s="176"/>
      <c r="D39" s="179"/>
      <c r="E39" s="33"/>
      <c r="F39" s="34"/>
      <c r="G39" s="33"/>
      <c r="H39" s="59" t="s">
        <v>54</v>
      </c>
      <c r="I39" s="33"/>
      <c r="J39" s="59" t="s">
        <v>30</v>
      </c>
      <c r="K39" s="60" t="s">
        <v>27</v>
      </c>
      <c r="L39" s="60" t="s">
        <v>55</v>
      </c>
      <c r="M39" s="61"/>
      <c r="N39" s="61"/>
      <c r="O39" s="58"/>
      <c r="P39" s="33"/>
      <c r="Q39" s="59"/>
      <c r="R39" s="33" t="s">
        <v>56</v>
      </c>
      <c r="S39" s="62"/>
      <c r="T39" s="63" t="s">
        <v>56</v>
      </c>
      <c r="U39" s="59" t="s">
        <v>30</v>
      </c>
      <c r="V39" s="33"/>
      <c r="W39" s="59" t="s">
        <v>30</v>
      </c>
      <c r="X39" s="27"/>
      <c r="Y39" s="27"/>
      <c r="Z39" s="27"/>
      <c r="AA39" s="27"/>
      <c r="AB39" s="28"/>
      <c r="AC39" s="28"/>
      <c r="AD39" s="28"/>
      <c r="AE39" s="28"/>
      <c r="AF39" s="28"/>
      <c r="AG39" s="28"/>
      <c r="AH39" s="28"/>
      <c r="AI39" s="28"/>
      <c r="AJ39" s="28"/>
      <c r="AK39" s="29"/>
      <c r="AL39" s="29"/>
      <c r="AM39" s="30"/>
    </row>
    <row r="40" spans="1:39" s="46" customFormat="1" ht="9.75" customHeight="1">
      <c r="A40" s="47"/>
      <c r="B40" s="75"/>
      <c r="C40" s="176"/>
      <c r="D40" s="179"/>
      <c r="E40" s="33"/>
      <c r="F40" s="34"/>
      <c r="G40" s="33"/>
      <c r="H40" s="59"/>
      <c r="I40" s="33"/>
      <c r="J40" s="59"/>
      <c r="K40" s="60"/>
      <c r="L40" s="60"/>
      <c r="M40" s="61"/>
      <c r="N40" s="61"/>
      <c r="O40" s="58"/>
      <c r="P40" s="33"/>
      <c r="Q40" s="59"/>
      <c r="R40" s="33"/>
      <c r="S40" s="62"/>
      <c r="T40" s="63"/>
      <c r="U40" s="59"/>
      <c r="V40" s="33"/>
      <c r="W40" s="59"/>
      <c r="X40" s="27"/>
      <c r="Y40" s="27"/>
      <c r="Z40" s="27"/>
      <c r="AA40" s="27"/>
      <c r="AB40" s="28"/>
      <c r="AC40" s="28"/>
      <c r="AD40" s="28"/>
      <c r="AE40" s="28"/>
      <c r="AF40" s="28"/>
      <c r="AG40" s="28"/>
      <c r="AH40" s="28"/>
      <c r="AI40" s="28"/>
      <c r="AJ40" s="28"/>
      <c r="AK40" s="29"/>
      <c r="AL40" s="29"/>
      <c r="AM40" s="30"/>
    </row>
    <row r="41" spans="1:39" s="46" customFormat="1" ht="9.75" customHeight="1">
      <c r="A41" s="47"/>
      <c r="B41" s="39"/>
      <c r="C41" s="33"/>
      <c r="D41" s="34"/>
      <c r="E41" s="175" t="s">
        <v>21</v>
      </c>
      <c r="F41" s="178" t="s">
        <v>53</v>
      </c>
      <c r="G41" s="48"/>
      <c r="H41" s="50"/>
      <c r="I41" s="48"/>
      <c r="J41" s="50"/>
      <c r="K41" s="51"/>
      <c r="L41" s="51"/>
      <c r="M41" s="52"/>
      <c r="N41" s="52"/>
      <c r="O41" s="49"/>
      <c r="P41" s="48"/>
      <c r="Q41" s="50"/>
      <c r="R41" s="48"/>
      <c r="S41" s="53"/>
      <c r="T41" s="54"/>
      <c r="U41" s="50"/>
      <c r="V41" s="48"/>
      <c r="W41" s="50"/>
      <c r="X41" s="55" t="s">
        <v>23</v>
      </c>
      <c r="Y41" s="55"/>
      <c r="Z41" s="55"/>
      <c r="AA41" s="55"/>
      <c r="AB41" s="56"/>
      <c r="AC41" s="56"/>
      <c r="AD41" s="56"/>
      <c r="AE41" s="56"/>
      <c r="AF41" s="56"/>
      <c r="AG41" s="56"/>
      <c r="AH41" s="56"/>
      <c r="AI41" s="56"/>
      <c r="AJ41" s="56"/>
      <c r="AK41" s="19"/>
      <c r="AL41" s="19"/>
      <c r="AM41" s="26" t="s">
        <v>24</v>
      </c>
    </row>
    <row r="42" spans="1:39" s="46" customFormat="1" ht="9.75" customHeight="1">
      <c r="A42" s="57"/>
      <c r="B42" s="58"/>
      <c r="C42" s="33"/>
      <c r="D42" s="34"/>
      <c r="E42" s="176"/>
      <c r="F42" s="179"/>
      <c r="G42" s="33"/>
      <c r="H42" s="59" t="s">
        <v>54</v>
      </c>
      <c r="I42" s="33"/>
      <c r="J42" s="59" t="s">
        <v>30</v>
      </c>
      <c r="K42" s="60" t="s">
        <v>27</v>
      </c>
      <c r="L42" s="60" t="s">
        <v>55</v>
      </c>
      <c r="M42" s="61"/>
      <c r="N42" s="61"/>
      <c r="O42" s="34"/>
      <c r="P42" s="33"/>
      <c r="Q42" s="59"/>
      <c r="R42" s="33" t="s">
        <v>56</v>
      </c>
      <c r="S42" s="62"/>
      <c r="T42" s="63" t="s">
        <v>56</v>
      </c>
      <c r="U42" s="59" t="s">
        <v>30</v>
      </c>
      <c r="V42" s="33"/>
      <c r="W42" s="59" t="s">
        <v>30</v>
      </c>
      <c r="X42" s="27"/>
      <c r="Y42" s="27"/>
      <c r="Z42" s="27"/>
      <c r="AA42" s="27"/>
      <c r="AB42" s="28"/>
      <c r="AC42" s="28"/>
      <c r="AD42" s="28"/>
      <c r="AE42" s="28"/>
      <c r="AF42" s="28"/>
      <c r="AG42" s="28"/>
      <c r="AH42" s="28"/>
      <c r="AI42" s="28"/>
      <c r="AJ42" s="28"/>
      <c r="AK42" s="29"/>
      <c r="AL42" s="29"/>
      <c r="AM42" s="30"/>
    </row>
    <row r="43" spans="1:39" s="46" customFormat="1" ht="9.75" customHeight="1">
      <c r="A43" s="57"/>
      <c r="B43" s="58"/>
      <c r="C43" s="64"/>
      <c r="D43" s="77"/>
      <c r="E43" s="177"/>
      <c r="F43" s="180"/>
      <c r="G43" s="64"/>
      <c r="H43" s="66"/>
      <c r="I43" s="64"/>
      <c r="J43" s="66"/>
      <c r="K43" s="67"/>
      <c r="L43" s="67"/>
      <c r="M43" s="68"/>
      <c r="N43" s="68"/>
      <c r="O43" s="77"/>
      <c r="P43" s="64"/>
      <c r="Q43" s="66"/>
      <c r="R43" s="64"/>
      <c r="S43" s="69"/>
      <c r="T43" s="70"/>
      <c r="U43" s="66"/>
      <c r="V43" s="64"/>
      <c r="W43" s="66"/>
      <c r="X43" s="71"/>
      <c r="Y43" s="71"/>
      <c r="Z43" s="71"/>
      <c r="AA43" s="71"/>
      <c r="AB43" s="72"/>
      <c r="AC43" s="72"/>
      <c r="AD43" s="72"/>
      <c r="AE43" s="72"/>
      <c r="AF43" s="72"/>
      <c r="AG43" s="72"/>
      <c r="AH43" s="72"/>
      <c r="AI43" s="72"/>
      <c r="AJ43" s="72"/>
      <c r="AK43" s="73"/>
      <c r="AL43" s="73"/>
      <c r="AM43" s="74"/>
    </row>
    <row r="44" spans="1:39" s="46" customFormat="1" ht="9.75" customHeight="1">
      <c r="A44" s="47"/>
      <c r="B44" s="75"/>
      <c r="C44" s="175" t="s">
        <v>57</v>
      </c>
      <c r="D44" s="178" t="s">
        <v>58</v>
      </c>
      <c r="E44" s="48"/>
      <c r="F44" s="49"/>
      <c r="G44" s="48"/>
      <c r="H44" s="50"/>
      <c r="I44" s="48"/>
      <c r="J44" s="50"/>
      <c r="K44" s="51"/>
      <c r="L44" s="51"/>
      <c r="M44" s="52"/>
      <c r="N44" s="52"/>
      <c r="O44" s="76"/>
      <c r="P44" s="48"/>
      <c r="Q44" s="50"/>
      <c r="R44" s="48"/>
      <c r="S44" s="53"/>
      <c r="T44" s="54"/>
      <c r="U44" s="50"/>
      <c r="V44" s="48"/>
      <c r="W44" s="50"/>
      <c r="X44" s="55" t="s">
        <v>3</v>
      </c>
      <c r="Y44" s="55"/>
      <c r="Z44" s="55"/>
      <c r="AA44" s="55"/>
      <c r="AB44" s="56"/>
      <c r="AC44" s="56"/>
      <c r="AD44" s="56"/>
      <c r="AE44" s="56"/>
      <c r="AF44" s="56"/>
      <c r="AG44" s="56"/>
      <c r="AH44" s="56"/>
      <c r="AI44" s="56"/>
      <c r="AJ44" s="56"/>
      <c r="AK44" s="19"/>
      <c r="AL44" s="19"/>
      <c r="AM44" s="26"/>
    </row>
    <row r="45" spans="1:39" s="46" customFormat="1" ht="9.75" customHeight="1">
      <c r="A45" s="47"/>
      <c r="B45" s="75"/>
      <c r="C45" s="176"/>
      <c r="D45" s="179"/>
      <c r="E45" s="33"/>
      <c r="F45" s="34"/>
      <c r="G45" s="33"/>
      <c r="H45" s="59" t="s">
        <v>59</v>
      </c>
      <c r="I45" s="33"/>
      <c r="J45" s="59" t="s">
        <v>30</v>
      </c>
      <c r="K45" s="60" t="s">
        <v>30</v>
      </c>
      <c r="L45" s="60" t="s">
        <v>59</v>
      </c>
      <c r="M45" s="61"/>
      <c r="N45" s="61"/>
      <c r="O45" s="58"/>
      <c r="P45" s="33"/>
      <c r="Q45" s="59"/>
      <c r="R45" s="33" t="s">
        <v>60</v>
      </c>
      <c r="S45" s="62"/>
      <c r="T45" s="63" t="s">
        <v>60</v>
      </c>
      <c r="U45" s="59" t="s">
        <v>30</v>
      </c>
      <c r="V45" s="33"/>
      <c r="W45" s="59" t="s">
        <v>30</v>
      </c>
      <c r="X45" s="27"/>
      <c r="Y45" s="27"/>
      <c r="Z45" s="27"/>
      <c r="AA45" s="27"/>
      <c r="AB45" s="28"/>
      <c r="AC45" s="28"/>
      <c r="AD45" s="28"/>
      <c r="AE45" s="28"/>
      <c r="AF45" s="28"/>
      <c r="AG45" s="28"/>
      <c r="AH45" s="28"/>
      <c r="AI45" s="28"/>
      <c r="AJ45" s="28"/>
      <c r="AK45" s="29"/>
      <c r="AL45" s="29"/>
      <c r="AM45" s="30"/>
    </row>
    <row r="46" spans="1:39" s="46" customFormat="1" ht="9.75" customHeight="1">
      <c r="A46" s="47"/>
      <c r="B46" s="75"/>
      <c r="C46" s="176"/>
      <c r="D46" s="179"/>
      <c r="E46" s="33"/>
      <c r="F46" s="34"/>
      <c r="G46" s="33"/>
      <c r="H46" s="59"/>
      <c r="I46" s="33"/>
      <c r="J46" s="59"/>
      <c r="K46" s="60"/>
      <c r="L46" s="60"/>
      <c r="M46" s="61"/>
      <c r="N46" s="61"/>
      <c r="O46" s="58"/>
      <c r="P46" s="33"/>
      <c r="Q46" s="59"/>
      <c r="R46" s="33"/>
      <c r="S46" s="62"/>
      <c r="T46" s="63"/>
      <c r="U46" s="59"/>
      <c r="V46" s="33"/>
      <c r="W46" s="59"/>
      <c r="X46" s="27"/>
      <c r="Y46" s="27"/>
      <c r="Z46" s="27"/>
      <c r="AA46" s="27"/>
      <c r="AB46" s="28"/>
      <c r="AC46" s="28"/>
      <c r="AD46" s="28"/>
      <c r="AE46" s="28"/>
      <c r="AF46" s="28"/>
      <c r="AG46" s="28"/>
      <c r="AH46" s="28"/>
      <c r="AI46" s="28"/>
      <c r="AJ46" s="28"/>
      <c r="AK46" s="29"/>
      <c r="AL46" s="29"/>
      <c r="AM46" s="30"/>
    </row>
    <row r="47" spans="1:39" s="46" customFormat="1" ht="9.75" customHeight="1">
      <c r="A47" s="47"/>
      <c r="B47" s="39"/>
      <c r="C47" s="33"/>
      <c r="D47" s="34"/>
      <c r="E47" s="175" t="s">
        <v>21</v>
      </c>
      <c r="F47" s="178" t="s">
        <v>61</v>
      </c>
      <c r="G47" s="48"/>
      <c r="H47" s="50"/>
      <c r="I47" s="48"/>
      <c r="J47" s="50"/>
      <c r="K47" s="51"/>
      <c r="L47" s="51"/>
      <c r="M47" s="52"/>
      <c r="N47" s="52"/>
      <c r="O47" s="49"/>
      <c r="P47" s="48"/>
      <c r="Q47" s="50"/>
      <c r="R47" s="48"/>
      <c r="S47" s="53"/>
      <c r="T47" s="54"/>
      <c r="U47" s="50"/>
      <c r="V47" s="48"/>
      <c r="W47" s="50"/>
      <c r="X47" s="55" t="s">
        <v>3</v>
      </c>
      <c r="Y47" s="55"/>
      <c r="Z47" s="55"/>
      <c r="AA47" s="55"/>
      <c r="AB47" s="56"/>
      <c r="AC47" s="56"/>
      <c r="AD47" s="56"/>
      <c r="AE47" s="56"/>
      <c r="AF47" s="56"/>
      <c r="AG47" s="56"/>
      <c r="AH47" s="56"/>
      <c r="AI47" s="56"/>
      <c r="AJ47" s="56"/>
      <c r="AK47" s="19"/>
      <c r="AL47" s="19"/>
      <c r="AM47" s="26"/>
    </row>
    <row r="48" spans="1:39" s="46" customFormat="1" ht="9.75" customHeight="1">
      <c r="A48" s="57"/>
      <c r="B48" s="58"/>
      <c r="C48" s="33"/>
      <c r="D48" s="34"/>
      <c r="E48" s="176"/>
      <c r="F48" s="179"/>
      <c r="G48" s="33"/>
      <c r="H48" s="59" t="s">
        <v>59</v>
      </c>
      <c r="I48" s="33"/>
      <c r="J48" s="59" t="s">
        <v>30</v>
      </c>
      <c r="K48" s="60" t="s">
        <v>30</v>
      </c>
      <c r="L48" s="60" t="s">
        <v>59</v>
      </c>
      <c r="M48" s="61"/>
      <c r="N48" s="61"/>
      <c r="O48" s="34"/>
      <c r="P48" s="33"/>
      <c r="Q48" s="59"/>
      <c r="R48" s="33" t="s">
        <v>62</v>
      </c>
      <c r="S48" s="62"/>
      <c r="T48" s="63" t="s">
        <v>62</v>
      </c>
      <c r="U48" s="59" t="s">
        <v>30</v>
      </c>
      <c r="V48" s="33"/>
      <c r="W48" s="59" t="s">
        <v>30</v>
      </c>
      <c r="X48" s="27"/>
      <c r="Y48" s="27"/>
      <c r="Z48" s="27"/>
      <c r="AA48" s="27"/>
      <c r="AB48" s="28"/>
      <c r="AC48" s="28"/>
      <c r="AD48" s="28"/>
      <c r="AE48" s="28"/>
      <c r="AF48" s="28"/>
      <c r="AG48" s="28"/>
      <c r="AH48" s="28"/>
      <c r="AI48" s="28"/>
      <c r="AJ48" s="28"/>
      <c r="AK48" s="29"/>
      <c r="AL48" s="29"/>
      <c r="AM48" s="30"/>
    </row>
    <row r="49" spans="1:39" s="46" customFormat="1" ht="9.75" customHeight="1">
      <c r="A49" s="57"/>
      <c r="B49" s="58"/>
      <c r="C49" s="33"/>
      <c r="D49" s="34"/>
      <c r="E49" s="177"/>
      <c r="F49" s="180"/>
      <c r="G49" s="33"/>
      <c r="H49" s="59"/>
      <c r="I49" s="33"/>
      <c r="J49" s="59"/>
      <c r="K49" s="60"/>
      <c r="L49" s="60"/>
      <c r="M49" s="61"/>
      <c r="N49" s="61"/>
      <c r="O49" s="34"/>
      <c r="P49" s="33"/>
      <c r="Q49" s="59"/>
      <c r="R49" s="33"/>
      <c r="S49" s="62"/>
      <c r="T49" s="63"/>
      <c r="U49" s="59"/>
      <c r="V49" s="33"/>
      <c r="W49" s="59"/>
      <c r="X49" s="27"/>
      <c r="Y49" s="27"/>
      <c r="Z49" s="27"/>
      <c r="AA49" s="27"/>
      <c r="AB49" s="28"/>
      <c r="AC49" s="28"/>
      <c r="AD49" s="28"/>
      <c r="AE49" s="28"/>
      <c r="AF49" s="28"/>
      <c r="AG49" s="28"/>
      <c r="AH49" s="28"/>
      <c r="AI49" s="28"/>
      <c r="AJ49" s="28"/>
      <c r="AK49" s="29"/>
      <c r="AL49" s="29"/>
      <c r="AM49" s="30"/>
    </row>
    <row r="50" spans="1:39" s="46" customFormat="1" ht="9.75" customHeight="1">
      <c r="A50" s="47"/>
      <c r="B50" s="75"/>
      <c r="C50" s="33"/>
      <c r="D50" s="34"/>
      <c r="E50" s="175" t="s">
        <v>36</v>
      </c>
      <c r="F50" s="178" t="s">
        <v>63</v>
      </c>
      <c r="G50" s="48"/>
      <c r="H50" s="50"/>
      <c r="I50" s="48"/>
      <c r="J50" s="50"/>
      <c r="K50" s="51"/>
      <c r="L50" s="51"/>
      <c r="M50" s="52"/>
      <c r="N50" s="52"/>
      <c r="O50" s="76"/>
      <c r="P50" s="48"/>
      <c r="Q50" s="50"/>
      <c r="R50" s="48"/>
      <c r="S50" s="53"/>
      <c r="T50" s="54"/>
      <c r="U50" s="50"/>
      <c r="V50" s="48"/>
      <c r="W50" s="50"/>
      <c r="X50" s="55" t="s">
        <v>3</v>
      </c>
      <c r="Y50" s="55"/>
      <c r="Z50" s="55"/>
      <c r="AA50" s="55"/>
      <c r="AB50" s="56"/>
      <c r="AC50" s="56"/>
      <c r="AD50" s="56"/>
      <c r="AE50" s="56"/>
      <c r="AF50" s="56"/>
      <c r="AG50" s="56"/>
      <c r="AH50" s="56"/>
      <c r="AI50" s="56"/>
      <c r="AJ50" s="56"/>
      <c r="AK50" s="19"/>
      <c r="AL50" s="19"/>
      <c r="AM50" s="26"/>
    </row>
    <row r="51" spans="1:39" s="46" customFormat="1" ht="9.75" customHeight="1">
      <c r="A51" s="47"/>
      <c r="B51" s="75"/>
      <c r="C51" s="33"/>
      <c r="D51" s="34"/>
      <c r="E51" s="176"/>
      <c r="F51" s="179"/>
      <c r="G51" s="33"/>
      <c r="H51" s="59" t="s">
        <v>30</v>
      </c>
      <c r="I51" s="33"/>
      <c r="J51" s="59" t="s">
        <v>30</v>
      </c>
      <c r="K51" s="60" t="s">
        <v>30</v>
      </c>
      <c r="L51" s="60" t="s">
        <v>30</v>
      </c>
      <c r="M51" s="61"/>
      <c r="N51" s="61"/>
      <c r="O51" s="58"/>
      <c r="P51" s="33"/>
      <c r="Q51" s="59"/>
      <c r="R51" s="33" t="s">
        <v>64</v>
      </c>
      <c r="S51" s="62"/>
      <c r="T51" s="63" t="s">
        <v>64</v>
      </c>
      <c r="U51" s="59" t="s">
        <v>30</v>
      </c>
      <c r="V51" s="33"/>
      <c r="W51" s="59" t="s">
        <v>30</v>
      </c>
      <c r="X51" s="27"/>
      <c r="Y51" s="27"/>
      <c r="Z51" s="27"/>
      <c r="AA51" s="27"/>
      <c r="AB51" s="28"/>
      <c r="AC51" s="28"/>
      <c r="AD51" s="28"/>
      <c r="AE51" s="28"/>
      <c r="AF51" s="28"/>
      <c r="AG51" s="28"/>
      <c r="AH51" s="28"/>
      <c r="AI51" s="28"/>
      <c r="AJ51" s="28"/>
      <c r="AK51" s="29"/>
      <c r="AL51" s="29"/>
      <c r="AM51" s="30"/>
    </row>
    <row r="52" spans="1:39" s="46" customFormat="1" ht="9.75" customHeight="1">
      <c r="A52" s="78"/>
      <c r="B52" s="79"/>
      <c r="C52" s="64"/>
      <c r="D52" s="77"/>
      <c r="E52" s="177"/>
      <c r="F52" s="180"/>
      <c r="G52" s="64"/>
      <c r="H52" s="66"/>
      <c r="I52" s="64"/>
      <c r="J52" s="66"/>
      <c r="K52" s="67"/>
      <c r="L52" s="67"/>
      <c r="M52" s="68"/>
      <c r="N52" s="68"/>
      <c r="O52" s="65"/>
      <c r="P52" s="64"/>
      <c r="Q52" s="66"/>
      <c r="R52" s="64"/>
      <c r="S52" s="69"/>
      <c r="T52" s="70"/>
      <c r="U52" s="66"/>
      <c r="V52" s="64"/>
      <c r="W52" s="66"/>
      <c r="X52" s="71"/>
      <c r="Y52" s="71"/>
      <c r="Z52" s="71"/>
      <c r="AA52" s="71"/>
      <c r="AB52" s="72"/>
      <c r="AC52" s="72"/>
      <c r="AD52" s="72"/>
      <c r="AE52" s="72"/>
      <c r="AF52" s="72"/>
      <c r="AG52" s="72"/>
      <c r="AH52" s="72"/>
      <c r="AI52" s="72"/>
      <c r="AJ52" s="72"/>
      <c r="AK52" s="73"/>
      <c r="AL52" s="73"/>
      <c r="AM52" s="74"/>
    </row>
    <row r="53" spans="1:39" s="46" customFormat="1" ht="9.75" customHeight="1">
      <c r="A53" s="80"/>
      <c r="B53" s="81"/>
      <c r="C53" s="81"/>
      <c r="D53" s="81"/>
      <c r="E53" s="81"/>
      <c r="F53" s="81"/>
      <c r="G53" s="82"/>
      <c r="H53" s="83"/>
      <c r="I53" s="82"/>
      <c r="J53" s="83"/>
      <c r="K53" s="84"/>
      <c r="L53" s="84"/>
      <c r="M53" s="85"/>
      <c r="N53" s="85"/>
      <c r="O53" s="86"/>
      <c r="P53" s="82"/>
      <c r="Q53" s="83"/>
      <c r="R53" s="82"/>
      <c r="S53" s="87"/>
      <c r="T53" s="88"/>
      <c r="U53" s="83"/>
      <c r="V53" s="82"/>
      <c r="W53" s="83"/>
      <c r="X53" s="89" t="s">
        <v>23</v>
      </c>
      <c r="Y53" s="89"/>
      <c r="Z53" s="89"/>
      <c r="AA53" s="89"/>
      <c r="AB53" s="90"/>
      <c r="AC53" s="90"/>
      <c r="AD53" s="90"/>
      <c r="AE53" s="90"/>
      <c r="AF53" s="90"/>
      <c r="AG53" s="90"/>
      <c r="AH53" s="90"/>
      <c r="AI53" s="90"/>
      <c r="AJ53" s="90"/>
      <c r="AK53" s="91"/>
      <c r="AL53" s="91"/>
      <c r="AM53" s="92" t="s">
        <v>24</v>
      </c>
    </row>
    <row r="54" spans="1:39" s="46" customFormat="1" ht="9.75" customHeight="1">
      <c r="A54" s="181" t="s">
        <v>65</v>
      </c>
      <c r="B54" s="182"/>
      <c r="C54" s="183"/>
      <c r="D54" s="183"/>
      <c r="E54" s="183"/>
      <c r="F54" s="184"/>
      <c r="G54" s="35"/>
      <c r="H54" s="36" t="s">
        <v>25</v>
      </c>
      <c r="I54" s="35"/>
      <c r="J54" s="36" t="s">
        <v>26</v>
      </c>
      <c r="K54" s="37" t="s">
        <v>27</v>
      </c>
      <c r="L54" s="37" t="s">
        <v>28</v>
      </c>
      <c r="M54" s="38"/>
      <c r="N54" s="38"/>
      <c r="O54" s="39"/>
      <c r="P54" s="35"/>
      <c r="Q54" s="36"/>
      <c r="R54" s="35" t="s">
        <v>29</v>
      </c>
      <c r="S54" s="40"/>
      <c r="T54" s="41" t="s">
        <v>29</v>
      </c>
      <c r="U54" s="36" t="s">
        <v>30</v>
      </c>
      <c r="V54" s="35"/>
      <c r="W54" s="36" t="s">
        <v>30</v>
      </c>
      <c r="X54" s="42" t="s">
        <v>66</v>
      </c>
      <c r="Y54" s="42"/>
      <c r="Z54" s="42"/>
      <c r="AA54" s="42"/>
      <c r="AB54" s="43"/>
      <c r="AC54" s="43"/>
      <c r="AD54" s="43"/>
      <c r="AE54" s="43"/>
      <c r="AF54" s="43"/>
      <c r="AG54" s="43"/>
      <c r="AH54" s="43"/>
      <c r="AI54" s="43"/>
      <c r="AJ54" s="43"/>
      <c r="AK54" s="44"/>
      <c r="AL54" s="44"/>
      <c r="AM54" s="45" t="s">
        <v>24</v>
      </c>
    </row>
    <row r="55" spans="1:39" s="46" customFormat="1" ht="9.75" customHeight="1">
      <c r="A55" s="93"/>
      <c r="B55" s="94"/>
      <c r="C55" s="94"/>
      <c r="D55" s="94"/>
      <c r="E55" s="94"/>
      <c r="F55" s="94"/>
      <c r="G55" s="95"/>
      <c r="H55" s="96"/>
      <c r="I55" s="95"/>
      <c r="J55" s="96"/>
      <c r="K55" s="97"/>
      <c r="L55" s="97"/>
      <c r="M55" s="98"/>
      <c r="N55" s="98"/>
      <c r="O55" s="99"/>
      <c r="P55" s="95"/>
      <c r="Q55" s="96"/>
      <c r="R55" s="95"/>
      <c r="S55" s="100"/>
      <c r="T55" s="101"/>
      <c r="U55" s="96"/>
      <c r="V55" s="95"/>
      <c r="W55" s="96"/>
      <c r="X55" s="102" t="s">
        <v>67</v>
      </c>
      <c r="Y55" s="102"/>
      <c r="Z55" s="102"/>
      <c r="AA55" s="102"/>
      <c r="AB55" s="103"/>
      <c r="AC55" s="103"/>
      <c r="AD55" s="103"/>
      <c r="AE55" s="103"/>
      <c r="AF55" s="103"/>
      <c r="AG55" s="103"/>
      <c r="AH55" s="103"/>
      <c r="AI55" s="103"/>
      <c r="AJ55" s="103"/>
      <c r="AK55" s="104"/>
      <c r="AL55" s="104"/>
      <c r="AM55" s="45" t="s">
        <v>24</v>
      </c>
    </row>
    <row r="56" spans="1:39" ht="9.75" customHeight="1">
      <c r="A56" s="105"/>
      <c r="B56" s="106"/>
      <c r="C56" s="106"/>
      <c r="D56" s="106"/>
      <c r="E56" s="106"/>
      <c r="F56" s="106"/>
      <c r="G56" s="106"/>
      <c r="H56" s="106"/>
      <c r="I56" s="106"/>
      <c r="J56" s="106"/>
      <c r="K56" s="106"/>
      <c r="L56" s="106"/>
      <c r="M56" s="106"/>
      <c r="N56" s="106"/>
      <c r="O56" s="106"/>
      <c r="P56" s="106"/>
      <c r="Q56" s="106"/>
      <c r="R56" s="106"/>
      <c r="S56" s="106"/>
      <c r="T56" s="106"/>
      <c r="U56" s="106"/>
      <c r="V56" s="106"/>
      <c r="W56" s="106"/>
      <c r="X56" s="107"/>
      <c r="Y56" s="107"/>
      <c r="Z56" s="107"/>
      <c r="AA56" s="107"/>
      <c r="AB56" s="107"/>
      <c r="AC56" s="107"/>
      <c r="AD56" s="107"/>
      <c r="AE56" s="107"/>
      <c r="AF56" s="107"/>
      <c r="AG56" s="107"/>
      <c r="AH56" s="107"/>
      <c r="AI56" s="107"/>
      <c r="AJ56" s="107"/>
      <c r="AK56" s="107"/>
      <c r="AL56" s="107"/>
      <c r="AM56" s="108"/>
    </row>
    <row r="57" spans="1:39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1"/>
    </row>
    <row r="58" spans="1:39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1"/>
    </row>
    <row r="59" spans="1:39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1"/>
    </row>
    <row r="60" spans="1:39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1"/>
    </row>
    <row r="61" spans="1:39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1"/>
    </row>
    <row r="62" spans="1:39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1"/>
    </row>
    <row r="63" spans="1:39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1"/>
    </row>
    <row r="64" spans="1:39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1"/>
    </row>
    <row r="65" spans="1:39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1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47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C23:C25"/>
    <mergeCell ref="D23:D25"/>
    <mergeCell ref="E26:E28"/>
    <mergeCell ref="F26:F28"/>
    <mergeCell ref="N29:N31"/>
    <mergeCell ref="O29:O31"/>
    <mergeCell ref="N32:N34"/>
    <mergeCell ref="O32:O34"/>
    <mergeCell ref="E35:E37"/>
    <mergeCell ref="F35:F37"/>
    <mergeCell ref="C38:C40"/>
    <mergeCell ref="D38:D40"/>
    <mergeCell ref="E41:E43"/>
    <mergeCell ref="F41:F43"/>
    <mergeCell ref="C44:C46"/>
    <mergeCell ref="D44:D46"/>
    <mergeCell ref="E47:E49"/>
    <mergeCell ref="F47:F49"/>
    <mergeCell ref="E50:E52"/>
    <mergeCell ref="F50:F52"/>
    <mergeCell ref="A54:F54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3" max="84" man="1"/>
  </col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295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233" t="s">
        <v>296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281</v>
      </c>
      <c r="I11" s="35" t="s">
        <v>133</v>
      </c>
      <c r="J11" s="36" t="s">
        <v>282</v>
      </c>
      <c r="K11" s="124" t="s">
        <v>30</v>
      </c>
      <c r="L11" s="35"/>
      <c r="M11" s="125" t="s">
        <v>30</v>
      </c>
      <c r="N11" s="37" t="s">
        <v>283</v>
      </c>
      <c r="O11" s="38"/>
      <c r="P11" s="186"/>
      <c r="Q11" s="234"/>
      <c r="R11" s="35"/>
      <c r="S11" s="38"/>
      <c r="T11" s="126" t="s">
        <v>284</v>
      </c>
      <c r="U11" s="38"/>
      <c r="V11" s="36" t="s">
        <v>30</v>
      </c>
      <c r="W11" s="37" t="s">
        <v>30</v>
      </c>
      <c r="X11" s="37" t="s">
        <v>30</v>
      </c>
      <c r="Y11" s="37" t="s">
        <v>297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78" t="s">
        <v>298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299</v>
      </c>
      <c r="I14" s="33"/>
      <c r="J14" s="59" t="s">
        <v>30</v>
      </c>
      <c r="K14" s="132" t="s">
        <v>30</v>
      </c>
      <c r="L14" s="33"/>
      <c r="M14" s="133" t="s">
        <v>30</v>
      </c>
      <c r="N14" s="60" t="s">
        <v>299</v>
      </c>
      <c r="O14" s="61"/>
      <c r="P14" s="61"/>
      <c r="Q14" s="34"/>
      <c r="R14" s="33"/>
      <c r="S14" s="61"/>
      <c r="T14" s="134" t="s">
        <v>30</v>
      </c>
      <c r="U14" s="61"/>
      <c r="V14" s="59" t="s">
        <v>30</v>
      </c>
      <c r="W14" s="60" t="s">
        <v>30</v>
      </c>
      <c r="X14" s="60" t="s">
        <v>30</v>
      </c>
      <c r="Y14" s="60" t="s">
        <v>299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78" t="s">
        <v>298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79"/>
      <c r="G17" s="33"/>
      <c r="H17" s="59" t="s">
        <v>299</v>
      </c>
      <c r="I17" s="33"/>
      <c r="J17" s="59" t="s">
        <v>30</v>
      </c>
      <c r="K17" s="132" t="s">
        <v>30</v>
      </c>
      <c r="L17" s="33"/>
      <c r="M17" s="133" t="s">
        <v>30</v>
      </c>
      <c r="N17" s="60" t="s">
        <v>299</v>
      </c>
      <c r="O17" s="61"/>
      <c r="P17" s="61"/>
      <c r="Q17" s="34"/>
      <c r="R17" s="33"/>
      <c r="S17" s="61"/>
      <c r="T17" s="134" t="s">
        <v>30</v>
      </c>
      <c r="U17" s="61"/>
      <c r="V17" s="59" t="s">
        <v>30</v>
      </c>
      <c r="W17" s="60" t="s">
        <v>30</v>
      </c>
      <c r="X17" s="60" t="s">
        <v>30</v>
      </c>
      <c r="Y17" s="60" t="s">
        <v>299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79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21</v>
      </c>
      <c r="Q19" s="178" t="s">
        <v>300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301</v>
      </c>
      <c r="T20" s="134" t="s">
        <v>30</v>
      </c>
      <c r="U20" s="61"/>
      <c r="V20" s="59" t="s">
        <v>30</v>
      </c>
      <c r="W20" s="60" t="s">
        <v>30</v>
      </c>
      <c r="X20" s="60" t="s">
        <v>30</v>
      </c>
      <c r="Y20" s="60" t="s">
        <v>301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33"/>
      <c r="D21" s="131"/>
      <c r="E21" s="33"/>
      <c r="F21" s="58"/>
      <c r="G21" s="33"/>
      <c r="H21" s="59"/>
      <c r="I21" s="33"/>
      <c r="J21" s="59"/>
      <c r="K21" s="132"/>
      <c r="L21" s="33"/>
      <c r="M21" s="133"/>
      <c r="N21" s="60"/>
      <c r="O21" s="61"/>
      <c r="P21" s="187"/>
      <c r="Q21" s="180"/>
      <c r="R21" s="33"/>
      <c r="S21" s="61"/>
      <c r="T21" s="134"/>
      <c r="U21" s="61"/>
      <c r="V21" s="59"/>
      <c r="W21" s="60"/>
      <c r="X21" s="60"/>
      <c r="Y21" s="60"/>
      <c r="Z21" s="135"/>
      <c r="AA21" s="27"/>
      <c r="AB21" s="27"/>
      <c r="AC21" s="27"/>
      <c r="AD21" s="28"/>
      <c r="AE21" s="29"/>
      <c r="AF21" s="29"/>
      <c r="AG21" s="29"/>
      <c r="AH21" s="27"/>
      <c r="AI21" s="27"/>
      <c r="AJ21" s="27"/>
      <c r="AK21" s="27"/>
      <c r="AL21" s="28"/>
      <c r="AM21" s="29"/>
      <c r="AN21" s="29"/>
      <c r="AO21" s="30"/>
    </row>
    <row r="22" spans="1:41" s="46" customFormat="1" ht="9.75" customHeight="1">
      <c r="A22" s="57"/>
      <c r="B22" s="131"/>
      <c r="C22" s="33"/>
      <c r="D22" s="131"/>
      <c r="E22" s="33"/>
      <c r="F22" s="58"/>
      <c r="G22" s="33"/>
      <c r="H22" s="59"/>
      <c r="I22" s="33"/>
      <c r="J22" s="59"/>
      <c r="K22" s="132"/>
      <c r="L22" s="33"/>
      <c r="M22" s="133"/>
      <c r="N22" s="60"/>
      <c r="O22" s="61"/>
      <c r="P22" s="185" t="s">
        <v>302</v>
      </c>
      <c r="Q22" s="178" t="s">
        <v>303</v>
      </c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31"/>
      <c r="C23" s="33"/>
      <c r="D23" s="131"/>
      <c r="E23" s="33"/>
      <c r="F23" s="58"/>
      <c r="G23" s="33"/>
      <c r="H23" s="59"/>
      <c r="I23" s="33"/>
      <c r="J23" s="59"/>
      <c r="K23" s="132"/>
      <c r="L23" s="33"/>
      <c r="M23" s="133"/>
      <c r="N23" s="60"/>
      <c r="O23" s="61"/>
      <c r="P23" s="186"/>
      <c r="Q23" s="179"/>
      <c r="R23" s="33"/>
      <c r="S23" s="61" t="s">
        <v>304</v>
      </c>
      <c r="T23" s="134" t="s">
        <v>30</v>
      </c>
      <c r="U23" s="61"/>
      <c r="V23" s="59" t="s">
        <v>30</v>
      </c>
      <c r="W23" s="60" t="s">
        <v>30</v>
      </c>
      <c r="X23" s="60" t="s">
        <v>30</v>
      </c>
      <c r="Y23" s="60" t="s">
        <v>304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31"/>
      <c r="C24" s="33"/>
      <c r="D24" s="131"/>
      <c r="E24" s="33"/>
      <c r="F24" s="58"/>
      <c r="G24" s="33"/>
      <c r="H24" s="59"/>
      <c r="I24" s="33"/>
      <c r="J24" s="59"/>
      <c r="K24" s="132"/>
      <c r="L24" s="33"/>
      <c r="M24" s="133"/>
      <c r="N24" s="60"/>
      <c r="O24" s="61"/>
      <c r="P24" s="187"/>
      <c r="Q24" s="180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131"/>
      <c r="E25" s="33"/>
      <c r="F25" s="58"/>
      <c r="G25" s="33"/>
      <c r="H25" s="59"/>
      <c r="I25" s="33"/>
      <c r="J25" s="59"/>
      <c r="K25" s="132"/>
      <c r="L25" s="33"/>
      <c r="M25" s="133"/>
      <c r="N25" s="60"/>
      <c r="O25" s="61"/>
      <c r="P25" s="185" t="s">
        <v>89</v>
      </c>
      <c r="Q25" s="178" t="s">
        <v>90</v>
      </c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31"/>
      <c r="E26" s="33"/>
      <c r="F26" s="58"/>
      <c r="G26" s="33"/>
      <c r="H26" s="59"/>
      <c r="I26" s="33"/>
      <c r="J26" s="59"/>
      <c r="K26" s="132"/>
      <c r="L26" s="33"/>
      <c r="M26" s="133"/>
      <c r="N26" s="60"/>
      <c r="O26" s="61"/>
      <c r="P26" s="186"/>
      <c r="Q26" s="179"/>
      <c r="R26" s="33"/>
      <c r="S26" s="61" t="s">
        <v>305</v>
      </c>
      <c r="T26" s="134" t="s">
        <v>30</v>
      </c>
      <c r="U26" s="61"/>
      <c r="V26" s="59" t="s">
        <v>30</v>
      </c>
      <c r="W26" s="60" t="s">
        <v>30</v>
      </c>
      <c r="X26" s="60" t="s">
        <v>30</v>
      </c>
      <c r="Y26" s="60" t="s">
        <v>305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31"/>
      <c r="E27" s="33"/>
      <c r="F27" s="58"/>
      <c r="G27" s="33"/>
      <c r="H27" s="59"/>
      <c r="I27" s="33"/>
      <c r="J27" s="59"/>
      <c r="K27" s="132"/>
      <c r="L27" s="33"/>
      <c r="M27" s="133"/>
      <c r="N27" s="60"/>
      <c r="O27" s="61"/>
      <c r="P27" s="187"/>
      <c r="Q27" s="180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57"/>
      <c r="B28" s="131"/>
      <c r="C28" s="33"/>
      <c r="D28" s="131"/>
      <c r="E28" s="33"/>
      <c r="F28" s="58"/>
      <c r="G28" s="33"/>
      <c r="H28" s="59"/>
      <c r="I28" s="33"/>
      <c r="J28" s="59"/>
      <c r="K28" s="132"/>
      <c r="L28" s="33"/>
      <c r="M28" s="133"/>
      <c r="N28" s="60"/>
      <c r="O28" s="61"/>
      <c r="P28" s="185" t="s">
        <v>94</v>
      </c>
      <c r="Q28" s="178" t="s">
        <v>95</v>
      </c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31"/>
      <c r="C29" s="33"/>
      <c r="D29" s="131"/>
      <c r="E29" s="33"/>
      <c r="F29" s="58"/>
      <c r="G29" s="33"/>
      <c r="H29" s="59"/>
      <c r="I29" s="33"/>
      <c r="J29" s="59"/>
      <c r="K29" s="132"/>
      <c r="L29" s="33"/>
      <c r="M29" s="133"/>
      <c r="N29" s="60"/>
      <c r="O29" s="61"/>
      <c r="P29" s="186"/>
      <c r="Q29" s="179"/>
      <c r="R29" s="33"/>
      <c r="S29" s="61" t="s">
        <v>306</v>
      </c>
      <c r="T29" s="134" t="s">
        <v>30</v>
      </c>
      <c r="U29" s="61"/>
      <c r="V29" s="59" t="s">
        <v>30</v>
      </c>
      <c r="W29" s="60" t="s">
        <v>30</v>
      </c>
      <c r="X29" s="60" t="s">
        <v>30</v>
      </c>
      <c r="Y29" s="60" t="s">
        <v>306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31"/>
      <c r="C30" s="33"/>
      <c r="D30" s="131"/>
      <c r="E30" s="33"/>
      <c r="F30" s="58"/>
      <c r="G30" s="33"/>
      <c r="H30" s="59"/>
      <c r="I30" s="33"/>
      <c r="J30" s="59"/>
      <c r="K30" s="132"/>
      <c r="L30" s="33"/>
      <c r="M30" s="133"/>
      <c r="N30" s="60"/>
      <c r="O30" s="61"/>
      <c r="P30" s="187"/>
      <c r="Q30" s="180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131"/>
      <c r="E31" s="33"/>
      <c r="F31" s="58"/>
      <c r="G31" s="33"/>
      <c r="H31" s="59"/>
      <c r="I31" s="33"/>
      <c r="J31" s="59"/>
      <c r="K31" s="132"/>
      <c r="L31" s="33"/>
      <c r="M31" s="133"/>
      <c r="N31" s="60"/>
      <c r="O31" s="61"/>
      <c r="P31" s="185" t="s">
        <v>307</v>
      </c>
      <c r="Q31" s="178" t="s">
        <v>308</v>
      </c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31"/>
      <c r="E32" s="33"/>
      <c r="F32" s="58"/>
      <c r="G32" s="33"/>
      <c r="H32" s="59"/>
      <c r="I32" s="33"/>
      <c r="J32" s="59"/>
      <c r="K32" s="132"/>
      <c r="L32" s="33"/>
      <c r="M32" s="133"/>
      <c r="N32" s="60"/>
      <c r="O32" s="61"/>
      <c r="P32" s="186"/>
      <c r="Q32" s="179"/>
      <c r="R32" s="33"/>
      <c r="S32" s="61" t="s">
        <v>309</v>
      </c>
      <c r="T32" s="134" t="s">
        <v>30</v>
      </c>
      <c r="U32" s="61"/>
      <c r="V32" s="59" t="s">
        <v>30</v>
      </c>
      <c r="W32" s="60" t="s">
        <v>30</v>
      </c>
      <c r="X32" s="60" t="s">
        <v>30</v>
      </c>
      <c r="Y32" s="60" t="s">
        <v>309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33"/>
      <c r="D33" s="131"/>
      <c r="E33" s="33"/>
      <c r="F33" s="58"/>
      <c r="G33" s="33"/>
      <c r="H33" s="59"/>
      <c r="I33" s="33"/>
      <c r="J33" s="59"/>
      <c r="K33" s="132"/>
      <c r="L33" s="33"/>
      <c r="M33" s="133"/>
      <c r="N33" s="60"/>
      <c r="O33" s="61"/>
      <c r="P33" s="187"/>
      <c r="Q33" s="180"/>
      <c r="R33" s="33"/>
      <c r="S33" s="61"/>
      <c r="T33" s="134"/>
      <c r="U33" s="61"/>
      <c r="V33" s="59"/>
      <c r="W33" s="60"/>
      <c r="X33" s="60"/>
      <c r="Y33" s="60"/>
      <c r="Z33" s="135"/>
      <c r="AA33" s="27"/>
      <c r="AB33" s="27"/>
      <c r="AC33" s="27"/>
      <c r="AD33" s="28"/>
      <c r="AE33" s="29"/>
      <c r="AF33" s="29"/>
      <c r="AG33" s="29"/>
      <c r="AH33" s="27"/>
      <c r="AI33" s="27"/>
      <c r="AJ33" s="27"/>
      <c r="AK33" s="27"/>
      <c r="AL33" s="28"/>
      <c r="AM33" s="29"/>
      <c r="AN33" s="29"/>
      <c r="AO33" s="30"/>
    </row>
    <row r="34" spans="1:41" s="46" customFormat="1" ht="9.75" customHeight="1">
      <c r="A34" s="57"/>
      <c r="B34" s="131"/>
      <c r="C34" s="33"/>
      <c r="D34" s="131"/>
      <c r="E34" s="33"/>
      <c r="F34" s="58"/>
      <c r="G34" s="33"/>
      <c r="H34" s="59"/>
      <c r="I34" s="33"/>
      <c r="J34" s="59"/>
      <c r="K34" s="132"/>
      <c r="L34" s="33"/>
      <c r="M34" s="133"/>
      <c r="N34" s="60"/>
      <c r="O34" s="61"/>
      <c r="P34" s="185" t="s">
        <v>97</v>
      </c>
      <c r="Q34" s="188" t="s">
        <v>98</v>
      </c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31"/>
      <c r="C35" s="33"/>
      <c r="D35" s="131"/>
      <c r="E35" s="33"/>
      <c r="F35" s="58"/>
      <c r="G35" s="33"/>
      <c r="H35" s="59"/>
      <c r="I35" s="33"/>
      <c r="J35" s="59"/>
      <c r="K35" s="132"/>
      <c r="L35" s="33"/>
      <c r="M35" s="133"/>
      <c r="N35" s="60"/>
      <c r="O35" s="61"/>
      <c r="P35" s="186"/>
      <c r="Q35" s="179"/>
      <c r="R35" s="33"/>
      <c r="S35" s="61" t="s">
        <v>310</v>
      </c>
      <c r="T35" s="134" t="s">
        <v>30</v>
      </c>
      <c r="U35" s="61"/>
      <c r="V35" s="59" t="s">
        <v>30</v>
      </c>
      <c r="W35" s="60" t="s">
        <v>30</v>
      </c>
      <c r="X35" s="60" t="s">
        <v>30</v>
      </c>
      <c r="Y35" s="60" t="s">
        <v>310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31"/>
      <c r="C36" s="33"/>
      <c r="D36" s="131"/>
      <c r="E36" s="33"/>
      <c r="F36" s="58"/>
      <c r="G36" s="33"/>
      <c r="H36" s="59"/>
      <c r="I36" s="33"/>
      <c r="J36" s="59"/>
      <c r="K36" s="132"/>
      <c r="L36" s="33"/>
      <c r="M36" s="133"/>
      <c r="N36" s="60"/>
      <c r="O36" s="61"/>
      <c r="P36" s="187"/>
      <c r="Q36" s="180"/>
      <c r="R36" s="33"/>
      <c r="S36" s="61"/>
      <c r="T36" s="134"/>
      <c r="U36" s="61"/>
      <c r="V36" s="59"/>
      <c r="W36" s="60"/>
      <c r="X36" s="60"/>
      <c r="Y36" s="60"/>
      <c r="Z36" s="135"/>
      <c r="AA36" s="27"/>
      <c r="AB36" s="27"/>
      <c r="AC36" s="27"/>
      <c r="AD36" s="28"/>
      <c r="AE36" s="29"/>
      <c r="AF36" s="29"/>
      <c r="AG36" s="29"/>
      <c r="AH36" s="27"/>
      <c r="AI36" s="27"/>
      <c r="AJ36" s="27"/>
      <c r="AK36" s="27"/>
      <c r="AL36" s="28"/>
      <c r="AM36" s="29"/>
      <c r="AN36" s="29"/>
      <c r="AO36" s="30"/>
    </row>
    <row r="37" spans="1:41" s="46" customFormat="1" ht="9.75" customHeight="1">
      <c r="A37" s="57"/>
      <c r="B37" s="131"/>
      <c r="C37" s="33"/>
      <c r="D37" s="131"/>
      <c r="E37" s="33"/>
      <c r="F37" s="58"/>
      <c r="G37" s="33"/>
      <c r="H37" s="59"/>
      <c r="I37" s="33"/>
      <c r="J37" s="59"/>
      <c r="K37" s="132"/>
      <c r="L37" s="33"/>
      <c r="M37" s="133"/>
      <c r="N37" s="60"/>
      <c r="O37" s="61"/>
      <c r="P37" s="185" t="s">
        <v>102</v>
      </c>
      <c r="Q37" s="188" t="s">
        <v>103</v>
      </c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31"/>
      <c r="C38" s="33"/>
      <c r="D38" s="131"/>
      <c r="E38" s="33"/>
      <c r="F38" s="58"/>
      <c r="G38" s="33"/>
      <c r="H38" s="59"/>
      <c r="I38" s="33"/>
      <c r="J38" s="59"/>
      <c r="K38" s="132"/>
      <c r="L38" s="33"/>
      <c r="M38" s="133"/>
      <c r="N38" s="60"/>
      <c r="O38" s="61"/>
      <c r="P38" s="186"/>
      <c r="Q38" s="179"/>
      <c r="R38" s="33"/>
      <c r="S38" s="61" t="s">
        <v>311</v>
      </c>
      <c r="T38" s="134" t="s">
        <v>30</v>
      </c>
      <c r="U38" s="61"/>
      <c r="V38" s="59" t="s">
        <v>30</v>
      </c>
      <c r="W38" s="60" t="s">
        <v>30</v>
      </c>
      <c r="X38" s="60" t="s">
        <v>30</v>
      </c>
      <c r="Y38" s="60" t="s">
        <v>311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31"/>
      <c r="C39" s="33"/>
      <c r="D39" s="131"/>
      <c r="E39" s="33"/>
      <c r="F39" s="58"/>
      <c r="G39" s="33"/>
      <c r="H39" s="59"/>
      <c r="I39" s="33"/>
      <c r="J39" s="59"/>
      <c r="K39" s="132"/>
      <c r="L39" s="33"/>
      <c r="M39" s="133"/>
      <c r="N39" s="60"/>
      <c r="O39" s="61"/>
      <c r="P39" s="187"/>
      <c r="Q39" s="180"/>
      <c r="R39" s="33"/>
      <c r="S39" s="61"/>
      <c r="T39" s="134"/>
      <c r="U39" s="61"/>
      <c r="V39" s="59"/>
      <c r="W39" s="60"/>
      <c r="X39" s="60"/>
      <c r="Y39" s="60"/>
      <c r="Z39" s="135"/>
      <c r="AA39" s="27"/>
      <c r="AB39" s="27"/>
      <c r="AC39" s="27"/>
      <c r="AD39" s="28"/>
      <c r="AE39" s="29"/>
      <c r="AF39" s="29"/>
      <c r="AG39" s="29"/>
      <c r="AH39" s="27"/>
      <c r="AI39" s="27"/>
      <c r="AJ39" s="27"/>
      <c r="AK39" s="27"/>
      <c r="AL39" s="28"/>
      <c r="AM39" s="29"/>
      <c r="AN39" s="29"/>
      <c r="AO39" s="30"/>
    </row>
    <row r="40" spans="1:41" s="46" customFormat="1" ht="9.75" customHeight="1">
      <c r="A40" s="57"/>
      <c r="B40" s="131"/>
      <c r="C40" s="33"/>
      <c r="D40" s="131"/>
      <c r="E40" s="33"/>
      <c r="F40" s="58"/>
      <c r="G40" s="33"/>
      <c r="H40" s="59"/>
      <c r="I40" s="33"/>
      <c r="J40" s="59"/>
      <c r="K40" s="132"/>
      <c r="L40" s="33"/>
      <c r="M40" s="133"/>
      <c r="N40" s="60"/>
      <c r="O40" s="61"/>
      <c r="P40" s="185" t="s">
        <v>107</v>
      </c>
      <c r="Q40" s="178" t="s">
        <v>108</v>
      </c>
      <c r="R40" s="48"/>
      <c r="S40" s="52"/>
      <c r="T40" s="130"/>
      <c r="U40" s="52"/>
      <c r="V40" s="50"/>
      <c r="W40" s="51"/>
      <c r="X40" s="51"/>
      <c r="Y40" s="51"/>
      <c r="Z40" s="122" t="s">
        <v>3</v>
      </c>
      <c r="AA40" s="55"/>
      <c r="AB40" s="55"/>
      <c r="AC40" s="55"/>
      <c r="AD40" s="56"/>
      <c r="AE40" s="19"/>
      <c r="AF40" s="19"/>
      <c r="AG40" s="19"/>
      <c r="AH40" s="55"/>
      <c r="AI40" s="55"/>
      <c r="AJ40" s="55"/>
      <c r="AK40" s="55"/>
      <c r="AL40" s="56"/>
      <c r="AM40" s="19"/>
      <c r="AN40" s="19"/>
      <c r="AO40" s="26"/>
    </row>
    <row r="41" spans="1:41" s="46" customFormat="1" ht="9.75" customHeight="1">
      <c r="A41" s="57"/>
      <c r="B41" s="131"/>
      <c r="C41" s="33"/>
      <c r="D41" s="131"/>
      <c r="E41" s="33"/>
      <c r="F41" s="58"/>
      <c r="G41" s="33"/>
      <c r="H41" s="59"/>
      <c r="I41" s="33"/>
      <c r="J41" s="59"/>
      <c r="K41" s="132"/>
      <c r="L41" s="33"/>
      <c r="M41" s="133"/>
      <c r="N41" s="60"/>
      <c r="O41" s="61"/>
      <c r="P41" s="186"/>
      <c r="Q41" s="179"/>
      <c r="R41" s="33"/>
      <c r="S41" s="61" t="s">
        <v>312</v>
      </c>
      <c r="T41" s="134" t="s">
        <v>30</v>
      </c>
      <c r="U41" s="61"/>
      <c r="V41" s="59" t="s">
        <v>30</v>
      </c>
      <c r="W41" s="60" t="s">
        <v>30</v>
      </c>
      <c r="X41" s="60" t="s">
        <v>30</v>
      </c>
      <c r="Y41" s="60" t="s">
        <v>312</v>
      </c>
      <c r="Z41" s="135"/>
      <c r="AA41" s="27"/>
      <c r="AB41" s="27"/>
      <c r="AC41" s="27"/>
      <c r="AD41" s="28"/>
      <c r="AE41" s="29"/>
      <c r="AF41" s="29"/>
      <c r="AG41" s="29"/>
      <c r="AH41" s="27"/>
      <c r="AI41" s="27"/>
      <c r="AJ41" s="27"/>
      <c r="AK41" s="27"/>
      <c r="AL41" s="28"/>
      <c r="AM41" s="29"/>
      <c r="AN41" s="29"/>
      <c r="AO41" s="30"/>
    </row>
    <row r="42" spans="1:41" s="46" customFormat="1" ht="9.75" customHeight="1">
      <c r="A42" s="57"/>
      <c r="B42" s="131"/>
      <c r="C42" s="64"/>
      <c r="D42" s="136"/>
      <c r="E42" s="64"/>
      <c r="F42" s="65"/>
      <c r="G42" s="64"/>
      <c r="H42" s="66"/>
      <c r="I42" s="64"/>
      <c r="J42" s="66"/>
      <c r="K42" s="137"/>
      <c r="L42" s="64"/>
      <c r="M42" s="138"/>
      <c r="N42" s="67"/>
      <c r="O42" s="68"/>
      <c r="P42" s="187"/>
      <c r="Q42" s="180"/>
      <c r="R42" s="64"/>
      <c r="S42" s="68"/>
      <c r="T42" s="139"/>
      <c r="U42" s="68"/>
      <c r="V42" s="66"/>
      <c r="W42" s="67"/>
      <c r="X42" s="67"/>
      <c r="Y42" s="67"/>
      <c r="Z42" s="140"/>
      <c r="AA42" s="71"/>
      <c r="AB42" s="71"/>
      <c r="AC42" s="71"/>
      <c r="AD42" s="72"/>
      <c r="AE42" s="73"/>
      <c r="AF42" s="73"/>
      <c r="AG42" s="73"/>
      <c r="AH42" s="71"/>
      <c r="AI42" s="71"/>
      <c r="AJ42" s="71"/>
      <c r="AK42" s="71"/>
      <c r="AL42" s="72"/>
      <c r="AM42" s="73"/>
      <c r="AN42" s="73"/>
      <c r="AO42" s="74"/>
    </row>
    <row r="43" spans="1:41" s="46" customFormat="1" ht="9.75" customHeight="1">
      <c r="A43" s="57"/>
      <c r="B43" s="34"/>
      <c r="C43" s="175" t="s">
        <v>36</v>
      </c>
      <c r="D43" s="178" t="s">
        <v>313</v>
      </c>
      <c r="E43" s="48"/>
      <c r="F43" s="49"/>
      <c r="G43" s="48"/>
      <c r="H43" s="50"/>
      <c r="I43" s="48"/>
      <c r="J43" s="50"/>
      <c r="K43" s="128"/>
      <c r="L43" s="48"/>
      <c r="M43" s="129"/>
      <c r="N43" s="51"/>
      <c r="O43" s="52"/>
      <c r="P43" s="52"/>
      <c r="Q43" s="76"/>
      <c r="R43" s="48"/>
      <c r="S43" s="52"/>
      <c r="T43" s="130"/>
      <c r="U43" s="52"/>
      <c r="V43" s="50"/>
      <c r="W43" s="51"/>
      <c r="X43" s="51"/>
      <c r="Y43" s="51"/>
      <c r="Z43" s="122" t="s">
        <v>3</v>
      </c>
      <c r="AA43" s="55"/>
      <c r="AB43" s="55"/>
      <c r="AC43" s="55"/>
      <c r="AD43" s="56"/>
      <c r="AE43" s="19"/>
      <c r="AF43" s="19"/>
      <c r="AG43" s="19"/>
      <c r="AH43" s="55"/>
      <c r="AI43" s="55"/>
      <c r="AJ43" s="55"/>
      <c r="AK43" s="55"/>
      <c r="AL43" s="56"/>
      <c r="AM43" s="19"/>
      <c r="AN43" s="19"/>
      <c r="AO43" s="26"/>
    </row>
    <row r="44" spans="1:41" s="46" customFormat="1" ht="9.75" customHeight="1">
      <c r="A44" s="57"/>
      <c r="B44" s="141"/>
      <c r="C44" s="176"/>
      <c r="D44" s="179"/>
      <c r="E44" s="33"/>
      <c r="F44" s="34"/>
      <c r="G44" s="33"/>
      <c r="H44" s="59" t="s">
        <v>285</v>
      </c>
      <c r="I44" s="33" t="s">
        <v>133</v>
      </c>
      <c r="J44" s="59" t="s">
        <v>282</v>
      </c>
      <c r="K44" s="132" t="s">
        <v>30</v>
      </c>
      <c r="L44" s="33"/>
      <c r="M44" s="133" t="s">
        <v>30</v>
      </c>
      <c r="N44" s="60" t="s">
        <v>286</v>
      </c>
      <c r="O44" s="61"/>
      <c r="P44" s="61"/>
      <c r="Q44" s="58"/>
      <c r="R44" s="33"/>
      <c r="S44" s="61"/>
      <c r="T44" s="134" t="s">
        <v>284</v>
      </c>
      <c r="U44" s="61"/>
      <c r="V44" s="59" t="s">
        <v>30</v>
      </c>
      <c r="W44" s="60" t="s">
        <v>30</v>
      </c>
      <c r="X44" s="60" t="s">
        <v>30</v>
      </c>
      <c r="Y44" s="60" t="s">
        <v>314</v>
      </c>
      <c r="Z44" s="135"/>
      <c r="AA44" s="27"/>
      <c r="AB44" s="27"/>
      <c r="AC44" s="27"/>
      <c r="AD44" s="28"/>
      <c r="AE44" s="29"/>
      <c r="AF44" s="29"/>
      <c r="AG44" s="29"/>
      <c r="AH44" s="27"/>
      <c r="AI44" s="27"/>
      <c r="AJ44" s="27"/>
      <c r="AK44" s="27"/>
      <c r="AL44" s="28"/>
      <c r="AM44" s="29"/>
      <c r="AN44" s="29"/>
      <c r="AO44" s="30"/>
    </row>
    <row r="45" spans="1:41" s="46" customFormat="1" ht="9.75" customHeight="1">
      <c r="A45" s="57"/>
      <c r="B45" s="141"/>
      <c r="C45" s="176"/>
      <c r="D45" s="179"/>
      <c r="E45" s="33"/>
      <c r="F45" s="34"/>
      <c r="G45" s="33"/>
      <c r="H45" s="59"/>
      <c r="I45" s="33"/>
      <c r="J45" s="59"/>
      <c r="K45" s="132"/>
      <c r="L45" s="33"/>
      <c r="M45" s="133"/>
      <c r="N45" s="60"/>
      <c r="O45" s="61"/>
      <c r="P45" s="61"/>
      <c r="Q45" s="58"/>
      <c r="R45" s="33"/>
      <c r="S45" s="61"/>
      <c r="T45" s="134"/>
      <c r="U45" s="61"/>
      <c r="V45" s="59"/>
      <c r="W45" s="60"/>
      <c r="X45" s="60"/>
      <c r="Y45" s="60"/>
      <c r="Z45" s="135"/>
      <c r="AA45" s="27"/>
      <c r="AB45" s="27"/>
      <c r="AC45" s="27"/>
      <c r="AD45" s="28"/>
      <c r="AE45" s="29"/>
      <c r="AF45" s="29"/>
      <c r="AG45" s="29"/>
      <c r="AH45" s="27"/>
      <c r="AI45" s="27"/>
      <c r="AJ45" s="27"/>
      <c r="AK45" s="27"/>
      <c r="AL45" s="28"/>
      <c r="AM45" s="29"/>
      <c r="AN45" s="29"/>
      <c r="AO45" s="30"/>
    </row>
    <row r="46" spans="1:41" s="46" customFormat="1" ht="9.75" customHeight="1">
      <c r="A46" s="57"/>
      <c r="B46" s="131"/>
      <c r="C46" s="33"/>
      <c r="D46" s="34"/>
      <c r="E46" s="175" t="s">
        <v>21</v>
      </c>
      <c r="F46" s="178" t="s">
        <v>175</v>
      </c>
      <c r="G46" s="48"/>
      <c r="H46" s="50"/>
      <c r="I46" s="48"/>
      <c r="J46" s="50"/>
      <c r="K46" s="128"/>
      <c r="L46" s="48"/>
      <c r="M46" s="129"/>
      <c r="N46" s="51"/>
      <c r="O46" s="52"/>
      <c r="P46" s="52"/>
      <c r="Q46" s="76"/>
      <c r="R46" s="48"/>
      <c r="S46" s="52"/>
      <c r="T46" s="130"/>
      <c r="U46" s="52"/>
      <c r="V46" s="50"/>
      <c r="W46" s="51"/>
      <c r="X46" s="51"/>
      <c r="Y46" s="51"/>
      <c r="Z46" s="122" t="s">
        <v>3</v>
      </c>
      <c r="AA46" s="55"/>
      <c r="AB46" s="55"/>
      <c r="AC46" s="55"/>
      <c r="AD46" s="56"/>
      <c r="AE46" s="19"/>
      <c r="AF46" s="19"/>
      <c r="AG46" s="19"/>
      <c r="AH46" s="55"/>
      <c r="AI46" s="55"/>
      <c r="AJ46" s="55"/>
      <c r="AK46" s="55"/>
      <c r="AL46" s="56"/>
      <c r="AM46" s="19"/>
      <c r="AN46" s="19"/>
      <c r="AO46" s="26"/>
    </row>
    <row r="47" spans="1:41" s="46" customFormat="1" ht="9.75" customHeight="1">
      <c r="A47" s="57"/>
      <c r="B47" s="131"/>
      <c r="C47" s="33"/>
      <c r="D47" s="141"/>
      <c r="E47" s="176"/>
      <c r="F47" s="179"/>
      <c r="G47" s="33"/>
      <c r="H47" s="59" t="s">
        <v>285</v>
      </c>
      <c r="I47" s="33" t="s">
        <v>133</v>
      </c>
      <c r="J47" s="59" t="s">
        <v>282</v>
      </c>
      <c r="K47" s="132" t="s">
        <v>30</v>
      </c>
      <c r="L47" s="33"/>
      <c r="M47" s="133" t="s">
        <v>30</v>
      </c>
      <c r="N47" s="60" t="s">
        <v>286</v>
      </c>
      <c r="O47" s="61"/>
      <c r="P47" s="61"/>
      <c r="Q47" s="34"/>
      <c r="R47" s="33"/>
      <c r="S47" s="61"/>
      <c r="T47" s="134" t="s">
        <v>284</v>
      </c>
      <c r="U47" s="61"/>
      <c r="V47" s="59" t="s">
        <v>30</v>
      </c>
      <c r="W47" s="60" t="s">
        <v>30</v>
      </c>
      <c r="X47" s="60" t="s">
        <v>30</v>
      </c>
      <c r="Y47" s="60" t="s">
        <v>314</v>
      </c>
      <c r="Z47" s="135"/>
      <c r="AA47" s="27"/>
      <c r="AB47" s="27"/>
      <c r="AC47" s="27"/>
      <c r="AD47" s="28"/>
      <c r="AE47" s="29"/>
      <c r="AF47" s="29"/>
      <c r="AG47" s="29"/>
      <c r="AH47" s="27"/>
      <c r="AI47" s="27"/>
      <c r="AJ47" s="27"/>
      <c r="AK47" s="27"/>
      <c r="AL47" s="28"/>
      <c r="AM47" s="29"/>
      <c r="AN47" s="29"/>
      <c r="AO47" s="30"/>
    </row>
    <row r="48" spans="1:41" s="46" customFormat="1" ht="9.75" customHeight="1">
      <c r="A48" s="57"/>
      <c r="B48" s="131"/>
      <c r="C48" s="33"/>
      <c r="D48" s="141"/>
      <c r="E48" s="176"/>
      <c r="F48" s="179"/>
      <c r="G48" s="33"/>
      <c r="H48" s="59"/>
      <c r="I48" s="33"/>
      <c r="J48" s="59"/>
      <c r="K48" s="132"/>
      <c r="L48" s="33"/>
      <c r="M48" s="133"/>
      <c r="N48" s="60"/>
      <c r="O48" s="61"/>
      <c r="P48" s="61"/>
      <c r="Q48" s="34"/>
      <c r="R48" s="33"/>
      <c r="S48" s="61"/>
      <c r="T48" s="134"/>
      <c r="U48" s="61"/>
      <c r="V48" s="59"/>
      <c r="W48" s="60"/>
      <c r="X48" s="60"/>
      <c r="Y48" s="60"/>
      <c r="Z48" s="135"/>
      <c r="AA48" s="27"/>
      <c r="AB48" s="27"/>
      <c r="AC48" s="27"/>
      <c r="AD48" s="28"/>
      <c r="AE48" s="29"/>
      <c r="AF48" s="29"/>
      <c r="AG48" s="29"/>
      <c r="AH48" s="27"/>
      <c r="AI48" s="27"/>
      <c r="AJ48" s="27"/>
      <c r="AK48" s="27"/>
      <c r="AL48" s="28"/>
      <c r="AM48" s="29"/>
      <c r="AN48" s="29"/>
      <c r="AO48" s="30"/>
    </row>
    <row r="49" spans="1:41" s="46" customFormat="1" ht="9.75" customHeight="1">
      <c r="A49" s="57"/>
      <c r="B49" s="131"/>
      <c r="C49" s="33"/>
      <c r="D49" s="131"/>
      <c r="E49" s="33"/>
      <c r="F49" s="34"/>
      <c r="G49" s="33"/>
      <c r="H49" s="59"/>
      <c r="I49" s="33"/>
      <c r="J49" s="59"/>
      <c r="K49" s="132"/>
      <c r="L49" s="33"/>
      <c r="M49" s="133"/>
      <c r="N49" s="60"/>
      <c r="O49" s="61"/>
      <c r="P49" s="185" t="s">
        <v>174</v>
      </c>
      <c r="Q49" s="178" t="s">
        <v>175</v>
      </c>
      <c r="R49" s="48"/>
      <c r="S49" s="52"/>
      <c r="T49" s="130"/>
      <c r="U49" s="52"/>
      <c r="V49" s="50"/>
      <c r="W49" s="51"/>
      <c r="X49" s="51"/>
      <c r="Y49" s="51"/>
      <c r="Z49" s="122" t="s">
        <v>3</v>
      </c>
      <c r="AA49" s="55"/>
      <c r="AB49" s="55"/>
      <c r="AC49" s="55"/>
      <c r="AD49" s="56"/>
      <c r="AE49" s="19"/>
      <c r="AF49" s="19"/>
      <c r="AG49" s="19"/>
      <c r="AH49" s="55"/>
      <c r="AI49" s="55"/>
      <c r="AJ49" s="55"/>
      <c r="AK49" s="55"/>
      <c r="AL49" s="56"/>
      <c r="AM49" s="19"/>
      <c r="AN49" s="19"/>
      <c r="AO49" s="26"/>
    </row>
    <row r="50" spans="1:41" s="46" customFormat="1" ht="9.75" customHeight="1">
      <c r="A50" s="57"/>
      <c r="B50" s="131"/>
      <c r="C50" s="33"/>
      <c r="D50" s="131"/>
      <c r="E50" s="33"/>
      <c r="F50" s="34"/>
      <c r="G50" s="33"/>
      <c r="H50" s="59"/>
      <c r="I50" s="33"/>
      <c r="J50" s="59"/>
      <c r="K50" s="132"/>
      <c r="L50" s="33"/>
      <c r="M50" s="133"/>
      <c r="N50" s="60"/>
      <c r="O50" s="61"/>
      <c r="P50" s="186"/>
      <c r="Q50" s="179"/>
      <c r="R50" s="33"/>
      <c r="S50" s="61" t="s">
        <v>286</v>
      </c>
      <c r="T50" s="134" t="s">
        <v>284</v>
      </c>
      <c r="U50" s="61"/>
      <c r="V50" s="59" t="s">
        <v>30</v>
      </c>
      <c r="W50" s="60" t="s">
        <v>30</v>
      </c>
      <c r="X50" s="60" t="s">
        <v>30</v>
      </c>
      <c r="Y50" s="60" t="s">
        <v>314</v>
      </c>
      <c r="Z50" s="135"/>
      <c r="AA50" s="27"/>
      <c r="AB50" s="27"/>
      <c r="AC50" s="27"/>
      <c r="AD50" s="28"/>
      <c r="AE50" s="29"/>
      <c r="AF50" s="29"/>
      <c r="AG50" s="29"/>
      <c r="AH50" s="27"/>
      <c r="AI50" s="27"/>
      <c r="AJ50" s="27"/>
      <c r="AK50" s="27"/>
      <c r="AL50" s="28"/>
      <c r="AM50" s="29"/>
      <c r="AN50" s="29"/>
      <c r="AO50" s="30"/>
    </row>
    <row r="51" spans="1:41" s="46" customFormat="1" ht="9.75" customHeight="1">
      <c r="A51" s="57"/>
      <c r="B51" s="131"/>
      <c r="C51" s="33"/>
      <c r="D51" s="131"/>
      <c r="E51" s="33"/>
      <c r="F51" s="34"/>
      <c r="G51" s="33"/>
      <c r="H51" s="59"/>
      <c r="I51" s="33"/>
      <c r="J51" s="59"/>
      <c r="K51" s="132"/>
      <c r="L51" s="33"/>
      <c r="M51" s="133"/>
      <c r="N51" s="60"/>
      <c r="O51" s="61"/>
      <c r="P51" s="187"/>
      <c r="Q51" s="180"/>
      <c r="R51" s="33"/>
      <c r="S51" s="61"/>
      <c r="T51" s="134"/>
      <c r="U51" s="61"/>
      <c r="V51" s="59"/>
      <c r="W51" s="60"/>
      <c r="X51" s="60"/>
      <c r="Y51" s="60"/>
      <c r="Z51" s="135"/>
      <c r="AA51" s="27"/>
      <c r="AB51" s="27"/>
      <c r="AC51" s="27"/>
      <c r="AD51" s="28"/>
      <c r="AE51" s="29"/>
      <c r="AF51" s="29"/>
      <c r="AG51" s="29"/>
      <c r="AH51" s="27"/>
      <c r="AI51" s="27"/>
      <c r="AJ51" s="27"/>
      <c r="AK51" s="27"/>
      <c r="AL51" s="28"/>
      <c r="AM51" s="29"/>
      <c r="AN51" s="29"/>
      <c r="AO51" s="30"/>
    </row>
    <row r="52" spans="1:41" s="46" customFormat="1" ht="9.75" customHeight="1">
      <c r="A52" s="80"/>
      <c r="B52" s="142"/>
      <c r="C52" s="52"/>
      <c r="D52" s="142"/>
      <c r="E52" s="52"/>
      <c r="F52" s="76"/>
      <c r="G52" s="82"/>
      <c r="H52" s="83"/>
      <c r="I52" s="82"/>
      <c r="J52" s="83"/>
      <c r="K52" s="143"/>
      <c r="L52" s="82"/>
      <c r="M52" s="144"/>
      <c r="N52" s="84"/>
      <c r="O52" s="85"/>
      <c r="P52" s="85"/>
      <c r="Q52" s="86"/>
      <c r="R52" s="82"/>
      <c r="S52" s="85"/>
      <c r="T52" s="145"/>
      <c r="U52" s="85"/>
      <c r="V52" s="83"/>
      <c r="W52" s="84"/>
      <c r="X52" s="84"/>
      <c r="Y52" s="84"/>
      <c r="Z52" s="146" t="s">
        <v>3</v>
      </c>
      <c r="AA52" s="89"/>
      <c r="AB52" s="89"/>
      <c r="AC52" s="89"/>
      <c r="AD52" s="90"/>
      <c r="AE52" s="91"/>
      <c r="AF52" s="91"/>
      <c r="AG52" s="91"/>
      <c r="AH52" s="89"/>
      <c r="AI52" s="89"/>
      <c r="AJ52" s="89"/>
      <c r="AK52" s="89"/>
      <c r="AL52" s="90"/>
      <c r="AM52" s="91"/>
      <c r="AN52" s="91"/>
      <c r="AO52" s="92"/>
    </row>
    <row r="53" spans="1:41" s="46" customFormat="1" ht="9.75" customHeight="1">
      <c r="A53" s="181" t="s">
        <v>129</v>
      </c>
      <c r="B53" s="182"/>
      <c r="C53" s="183"/>
      <c r="D53" s="183"/>
      <c r="E53" s="183"/>
      <c r="F53" s="184"/>
      <c r="G53" s="230" t="s">
        <v>281</v>
      </c>
      <c r="H53" s="231"/>
      <c r="I53" s="35" t="s">
        <v>133</v>
      </c>
      <c r="J53" s="36" t="s">
        <v>282</v>
      </c>
      <c r="K53" s="37" t="s">
        <v>30</v>
      </c>
      <c r="L53" s="35"/>
      <c r="M53" s="36" t="s">
        <v>30</v>
      </c>
      <c r="N53" s="124" t="s">
        <v>283</v>
      </c>
      <c r="O53" s="147"/>
      <c r="P53" s="38"/>
      <c r="Q53" s="39"/>
      <c r="R53" s="35"/>
      <c r="S53" s="38"/>
      <c r="T53" s="148" t="s">
        <v>284</v>
      </c>
      <c r="U53" s="38"/>
      <c r="V53" s="36" t="s">
        <v>30</v>
      </c>
      <c r="W53" s="37" t="s">
        <v>30</v>
      </c>
      <c r="X53" s="36" t="s">
        <v>30</v>
      </c>
      <c r="Y53" s="37" t="s">
        <v>297</v>
      </c>
      <c r="Z53" s="149"/>
      <c r="AA53" s="43"/>
      <c r="AB53" s="43"/>
      <c r="AC53" s="43"/>
      <c r="AD53" s="43"/>
      <c r="AE53" s="44"/>
      <c r="AF53" s="44"/>
      <c r="AG53" s="44"/>
      <c r="AH53" s="42"/>
      <c r="AI53" s="42"/>
      <c r="AJ53" s="42"/>
      <c r="AK53" s="42"/>
      <c r="AL53" s="43"/>
      <c r="AM53" s="43"/>
      <c r="AN53" s="43"/>
      <c r="AO53" s="45"/>
    </row>
    <row r="54" spans="1:41" s="46" customFormat="1" ht="9.75" customHeight="1">
      <c r="A54" s="93"/>
      <c r="B54" s="150"/>
      <c r="C54" s="98"/>
      <c r="D54" s="150"/>
      <c r="E54" s="98"/>
      <c r="F54" s="99"/>
      <c r="G54" s="95"/>
      <c r="H54" s="96"/>
      <c r="I54" s="95"/>
      <c r="J54" s="96"/>
      <c r="K54" s="151"/>
      <c r="L54" s="95"/>
      <c r="M54" s="152"/>
      <c r="N54" s="97"/>
      <c r="O54" s="98"/>
      <c r="P54" s="98"/>
      <c r="Q54" s="99"/>
      <c r="R54" s="95"/>
      <c r="S54" s="98"/>
      <c r="T54" s="153"/>
      <c r="U54" s="98"/>
      <c r="V54" s="96"/>
      <c r="W54" s="97"/>
      <c r="X54" s="97"/>
      <c r="Y54" s="97"/>
      <c r="Z54" s="154"/>
      <c r="AA54" s="102"/>
      <c r="AB54" s="102"/>
      <c r="AC54" s="102"/>
      <c r="AD54" s="103"/>
      <c r="AE54" s="104"/>
      <c r="AF54" s="104"/>
      <c r="AG54" s="104"/>
      <c r="AH54" s="102"/>
      <c r="AI54" s="102"/>
      <c r="AJ54" s="102"/>
      <c r="AK54" s="102"/>
      <c r="AL54" s="103"/>
      <c r="AM54" s="104"/>
      <c r="AN54" s="104"/>
      <c r="AO54" s="155"/>
    </row>
    <row r="55" spans="1:41" ht="9.75" customHeight="1">
      <c r="A55" s="105"/>
      <c r="B55" s="106"/>
      <c r="C55" s="106"/>
      <c r="D55" s="106"/>
      <c r="E55" s="106"/>
      <c r="F55" s="106"/>
      <c r="G55" s="106"/>
      <c r="H55" s="106"/>
      <c r="I55" s="106"/>
      <c r="J55" s="106"/>
      <c r="K55" s="106"/>
      <c r="L55" s="106"/>
      <c r="M55" s="106"/>
      <c r="N55" s="106"/>
      <c r="O55" s="106"/>
      <c r="P55" s="106"/>
      <c r="Q55" s="106"/>
      <c r="R55" s="106"/>
      <c r="S55" s="106"/>
      <c r="T55" s="106"/>
      <c r="U55" s="106"/>
      <c r="V55" s="106"/>
      <c r="W55" s="106"/>
      <c r="X55" s="106"/>
      <c r="Y55" s="106"/>
      <c r="Z55" s="107"/>
      <c r="AA55" s="107"/>
      <c r="AB55" s="107"/>
      <c r="AC55" s="107"/>
      <c r="AD55" s="107"/>
      <c r="AE55" s="107"/>
      <c r="AF55" s="107"/>
      <c r="AG55" s="107"/>
      <c r="AH55" s="107"/>
      <c r="AI55" s="107"/>
      <c r="AJ55" s="107"/>
      <c r="AK55" s="107"/>
      <c r="AL55" s="107"/>
      <c r="AM55" s="107"/>
      <c r="AN55" s="107"/>
      <c r="AO55" s="108"/>
    </row>
    <row r="56" spans="1:41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0"/>
      <c r="AN56" s="110"/>
      <c r="AO56" s="111"/>
    </row>
    <row r="57" spans="1:41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0"/>
      <c r="AN57" s="110"/>
      <c r="AO57" s="111"/>
    </row>
    <row r="58" spans="1:41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0"/>
      <c r="AN58" s="110"/>
      <c r="AO58" s="111"/>
    </row>
    <row r="59" spans="1:41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1"/>
    </row>
    <row r="60" spans="1:41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0"/>
      <c r="AN60" s="110"/>
      <c r="AO60" s="111"/>
    </row>
    <row r="61" spans="1:41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0"/>
      <c r="AN61" s="110"/>
      <c r="AO61" s="111"/>
    </row>
    <row r="62" spans="1:41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0"/>
      <c r="AN62" s="110"/>
      <c r="AO62" s="111"/>
    </row>
    <row r="63" spans="1:41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0"/>
      <c r="AN63" s="110"/>
      <c r="AO63" s="111"/>
    </row>
    <row r="64" spans="1:41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0"/>
      <c r="AN64" s="110"/>
      <c r="AO64" s="111"/>
    </row>
    <row r="65" spans="1:41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0"/>
      <c r="AN65" s="110"/>
      <c r="AO65" s="111"/>
    </row>
    <row r="66" spans="1:41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1"/>
    </row>
    <row r="67" spans="1:41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0"/>
      <c r="AN67" s="110"/>
      <c r="AO67" s="111"/>
    </row>
    <row r="68" spans="1:41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1"/>
    </row>
    <row r="69" spans="1:41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0"/>
      <c r="AN69" s="110"/>
      <c r="AO69" s="111"/>
    </row>
    <row r="70" spans="1:41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0"/>
      <c r="AN70" s="110"/>
      <c r="AO70" s="111"/>
    </row>
    <row r="71" spans="1:41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1"/>
    </row>
    <row r="72" spans="1:41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1"/>
    </row>
    <row r="73" spans="1:41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0"/>
      <c r="AN73" s="110"/>
      <c r="AO73" s="111"/>
    </row>
    <row r="74" spans="1:41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0"/>
      <c r="AN74" s="110"/>
      <c r="AO74" s="111"/>
    </row>
    <row r="75" spans="1:41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1"/>
    </row>
    <row r="76" spans="1:41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0"/>
      <c r="AN76" s="110"/>
      <c r="AO76" s="111"/>
    </row>
    <row r="77" spans="1:41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0"/>
      <c r="AN77" s="110"/>
      <c r="AO77" s="111"/>
    </row>
    <row r="78" spans="1:41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0"/>
      <c r="AN78" s="110"/>
      <c r="AO78" s="111"/>
    </row>
    <row r="79" spans="1:41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1"/>
    </row>
    <row r="80" spans="1:41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1"/>
    </row>
    <row r="81" spans="1:41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0"/>
      <c r="AN81" s="110"/>
      <c r="AO81" s="111"/>
    </row>
    <row r="82" spans="1:41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0"/>
      <c r="AN82" s="110"/>
      <c r="AO82" s="111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51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P22:P24"/>
    <mergeCell ref="Q22:Q24"/>
    <mergeCell ref="P25:P27"/>
    <mergeCell ref="Q25:Q27"/>
    <mergeCell ref="P28:P30"/>
    <mergeCell ref="Q28:Q30"/>
    <mergeCell ref="P31:P33"/>
    <mergeCell ref="Q31:Q33"/>
    <mergeCell ref="P49:P51"/>
    <mergeCell ref="Q49:Q51"/>
    <mergeCell ref="P34:P36"/>
    <mergeCell ref="Q34:Q36"/>
    <mergeCell ref="P37:P39"/>
    <mergeCell ref="Q37:Q39"/>
    <mergeCell ref="P40:P42"/>
    <mergeCell ref="Q40:Q42"/>
    <mergeCell ref="A53:F53"/>
    <mergeCell ref="G53:H53"/>
    <mergeCell ref="C43:C45"/>
    <mergeCell ref="D43:D45"/>
    <mergeCell ref="E46:E48"/>
    <mergeCell ref="F46:F48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315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316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194" t="s">
        <v>317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318</v>
      </c>
      <c r="I12" s="35"/>
      <c r="J12" s="36" t="s">
        <v>30</v>
      </c>
      <c r="K12" s="37" t="s">
        <v>30</v>
      </c>
      <c r="L12" s="37" t="s">
        <v>318</v>
      </c>
      <c r="M12" s="38"/>
      <c r="N12" s="38"/>
      <c r="O12" s="39"/>
      <c r="P12" s="35"/>
      <c r="Q12" s="36"/>
      <c r="R12" s="35" t="s">
        <v>319</v>
      </c>
      <c r="S12" s="40"/>
      <c r="T12" s="41" t="s">
        <v>319</v>
      </c>
      <c r="U12" s="36" t="s">
        <v>30</v>
      </c>
      <c r="V12" s="35"/>
      <c r="W12" s="36" t="s">
        <v>3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78" t="s">
        <v>31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320</v>
      </c>
      <c r="I15" s="33"/>
      <c r="J15" s="59" t="s">
        <v>30</v>
      </c>
      <c r="K15" s="60" t="s">
        <v>30</v>
      </c>
      <c r="L15" s="60" t="s">
        <v>320</v>
      </c>
      <c r="M15" s="61"/>
      <c r="N15" s="61"/>
      <c r="O15" s="34"/>
      <c r="P15" s="33"/>
      <c r="Q15" s="59"/>
      <c r="R15" s="33" t="s">
        <v>321</v>
      </c>
      <c r="S15" s="62"/>
      <c r="T15" s="63" t="s">
        <v>321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34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320</v>
      </c>
      <c r="I18" s="33"/>
      <c r="J18" s="59" t="s">
        <v>30</v>
      </c>
      <c r="K18" s="60" t="s">
        <v>30</v>
      </c>
      <c r="L18" s="60" t="s">
        <v>320</v>
      </c>
      <c r="M18" s="61"/>
      <c r="N18" s="61"/>
      <c r="O18" s="34"/>
      <c r="P18" s="33"/>
      <c r="Q18" s="59"/>
      <c r="R18" s="33" t="s">
        <v>321</v>
      </c>
      <c r="S18" s="62"/>
      <c r="T18" s="63" t="s">
        <v>321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78" t="s">
        <v>34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320</v>
      </c>
      <c r="R21" s="33" t="s">
        <v>321</v>
      </c>
      <c r="S21" s="62"/>
      <c r="T21" s="63" t="s">
        <v>321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80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47"/>
      <c r="B23" s="75"/>
      <c r="C23" s="175" t="s">
        <v>36</v>
      </c>
      <c r="D23" s="178" t="s">
        <v>53</v>
      </c>
      <c r="E23" s="48"/>
      <c r="F23" s="49"/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176"/>
      <c r="D24" s="179"/>
      <c r="E24" s="33"/>
      <c r="F24" s="34"/>
      <c r="G24" s="33"/>
      <c r="H24" s="59" t="s">
        <v>322</v>
      </c>
      <c r="I24" s="33"/>
      <c r="J24" s="59" t="s">
        <v>30</v>
      </c>
      <c r="K24" s="60" t="s">
        <v>30</v>
      </c>
      <c r="L24" s="60" t="s">
        <v>322</v>
      </c>
      <c r="M24" s="61"/>
      <c r="N24" s="61"/>
      <c r="O24" s="58"/>
      <c r="P24" s="33"/>
      <c r="Q24" s="59"/>
      <c r="R24" s="33" t="s">
        <v>323</v>
      </c>
      <c r="S24" s="62"/>
      <c r="T24" s="63" t="s">
        <v>323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176"/>
      <c r="D25" s="179"/>
      <c r="E25" s="33"/>
      <c r="F25" s="34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175" t="s">
        <v>21</v>
      </c>
      <c r="F26" s="178" t="s">
        <v>53</v>
      </c>
      <c r="G26" s="48"/>
      <c r="H26" s="50"/>
      <c r="I26" s="48"/>
      <c r="J26" s="50"/>
      <c r="K26" s="51"/>
      <c r="L26" s="51"/>
      <c r="M26" s="52"/>
      <c r="N26" s="52"/>
      <c r="O26" s="49"/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176"/>
      <c r="F27" s="179"/>
      <c r="G27" s="33"/>
      <c r="H27" s="59" t="s">
        <v>322</v>
      </c>
      <c r="I27" s="33"/>
      <c r="J27" s="59" t="s">
        <v>30</v>
      </c>
      <c r="K27" s="60" t="s">
        <v>30</v>
      </c>
      <c r="L27" s="60" t="s">
        <v>322</v>
      </c>
      <c r="M27" s="61"/>
      <c r="N27" s="61"/>
      <c r="O27" s="34"/>
      <c r="P27" s="33"/>
      <c r="Q27" s="59"/>
      <c r="R27" s="33" t="s">
        <v>323</v>
      </c>
      <c r="S27" s="62"/>
      <c r="T27" s="63" t="s">
        <v>323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64"/>
      <c r="D28" s="77"/>
      <c r="E28" s="177"/>
      <c r="F28" s="180"/>
      <c r="G28" s="64"/>
      <c r="H28" s="66"/>
      <c r="I28" s="64"/>
      <c r="J28" s="66"/>
      <c r="K28" s="67"/>
      <c r="L28" s="67"/>
      <c r="M28" s="68"/>
      <c r="N28" s="68"/>
      <c r="O28" s="77"/>
      <c r="P28" s="64"/>
      <c r="Q28" s="66"/>
      <c r="R28" s="64"/>
      <c r="S28" s="69"/>
      <c r="T28" s="70"/>
      <c r="U28" s="66"/>
      <c r="V28" s="64"/>
      <c r="W28" s="66"/>
      <c r="X28" s="71"/>
      <c r="Y28" s="71"/>
      <c r="Z28" s="71"/>
      <c r="AA28" s="71"/>
      <c r="AB28" s="72"/>
      <c r="AC28" s="72"/>
      <c r="AD28" s="72"/>
      <c r="AE28" s="72"/>
      <c r="AF28" s="72"/>
      <c r="AG28" s="72"/>
      <c r="AH28" s="72"/>
      <c r="AI28" s="72"/>
      <c r="AJ28" s="72"/>
      <c r="AK28" s="73"/>
      <c r="AL28" s="73"/>
      <c r="AM28" s="74"/>
    </row>
    <row r="29" spans="1:39" s="46" customFormat="1" ht="9.75" customHeight="1">
      <c r="A29" s="47"/>
      <c r="B29" s="75"/>
      <c r="C29" s="175" t="s">
        <v>52</v>
      </c>
      <c r="D29" s="178" t="s">
        <v>58</v>
      </c>
      <c r="E29" s="48"/>
      <c r="F29" s="49"/>
      <c r="G29" s="48"/>
      <c r="H29" s="50"/>
      <c r="I29" s="48"/>
      <c r="J29" s="50"/>
      <c r="K29" s="51"/>
      <c r="L29" s="51"/>
      <c r="M29" s="52"/>
      <c r="N29" s="52"/>
      <c r="O29" s="76"/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47"/>
      <c r="B30" s="75"/>
      <c r="C30" s="176"/>
      <c r="D30" s="179"/>
      <c r="E30" s="33"/>
      <c r="F30" s="34"/>
      <c r="G30" s="33"/>
      <c r="H30" s="59" t="s">
        <v>292</v>
      </c>
      <c r="I30" s="33"/>
      <c r="J30" s="59" t="s">
        <v>30</v>
      </c>
      <c r="K30" s="60" t="s">
        <v>30</v>
      </c>
      <c r="L30" s="60" t="s">
        <v>292</v>
      </c>
      <c r="M30" s="61"/>
      <c r="N30" s="61"/>
      <c r="O30" s="58"/>
      <c r="P30" s="33"/>
      <c r="Q30" s="59"/>
      <c r="R30" s="33" t="s">
        <v>324</v>
      </c>
      <c r="S30" s="62"/>
      <c r="T30" s="63" t="s">
        <v>324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47"/>
      <c r="B31" s="75"/>
      <c r="C31" s="176"/>
      <c r="D31" s="179"/>
      <c r="E31" s="33"/>
      <c r="F31" s="34"/>
      <c r="G31" s="33"/>
      <c r="H31" s="59"/>
      <c r="I31" s="33"/>
      <c r="J31" s="59"/>
      <c r="K31" s="60"/>
      <c r="L31" s="60"/>
      <c r="M31" s="61"/>
      <c r="N31" s="61"/>
      <c r="O31" s="58"/>
      <c r="P31" s="33"/>
      <c r="Q31" s="59"/>
      <c r="R31" s="33"/>
      <c r="S31" s="62"/>
      <c r="T31" s="63"/>
      <c r="U31" s="59"/>
      <c r="V31" s="33"/>
      <c r="W31" s="59"/>
      <c r="X31" s="27"/>
      <c r="Y31" s="27"/>
      <c r="Z31" s="27"/>
      <c r="AA31" s="27"/>
      <c r="AB31" s="28"/>
      <c r="AC31" s="28"/>
      <c r="AD31" s="28"/>
      <c r="AE31" s="28"/>
      <c r="AF31" s="28"/>
      <c r="AG31" s="28"/>
      <c r="AH31" s="28"/>
      <c r="AI31" s="28"/>
      <c r="AJ31" s="28"/>
      <c r="AK31" s="29"/>
      <c r="AL31" s="29"/>
      <c r="AM31" s="30"/>
    </row>
    <row r="32" spans="1:39" s="46" customFormat="1" ht="9.75" customHeight="1">
      <c r="A32" s="47"/>
      <c r="B32" s="39"/>
      <c r="C32" s="33"/>
      <c r="D32" s="34"/>
      <c r="E32" s="175" t="s">
        <v>21</v>
      </c>
      <c r="F32" s="178" t="s">
        <v>61</v>
      </c>
      <c r="G32" s="48"/>
      <c r="H32" s="50"/>
      <c r="I32" s="48"/>
      <c r="J32" s="50"/>
      <c r="K32" s="51"/>
      <c r="L32" s="51"/>
      <c r="M32" s="52"/>
      <c r="N32" s="52"/>
      <c r="O32" s="49"/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57"/>
      <c r="B33" s="58"/>
      <c r="C33" s="33"/>
      <c r="D33" s="34"/>
      <c r="E33" s="176"/>
      <c r="F33" s="179"/>
      <c r="G33" s="33"/>
      <c r="H33" s="59" t="s">
        <v>292</v>
      </c>
      <c r="I33" s="33"/>
      <c r="J33" s="59" t="s">
        <v>30</v>
      </c>
      <c r="K33" s="60" t="s">
        <v>30</v>
      </c>
      <c r="L33" s="60" t="s">
        <v>292</v>
      </c>
      <c r="M33" s="61"/>
      <c r="N33" s="61"/>
      <c r="O33" s="34"/>
      <c r="P33" s="33"/>
      <c r="Q33" s="59"/>
      <c r="R33" s="33" t="s">
        <v>324</v>
      </c>
      <c r="S33" s="62"/>
      <c r="T33" s="63" t="s">
        <v>324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158"/>
      <c r="B34" s="65"/>
      <c r="C34" s="64"/>
      <c r="D34" s="77"/>
      <c r="E34" s="177"/>
      <c r="F34" s="180"/>
      <c r="G34" s="64"/>
      <c r="H34" s="66"/>
      <c r="I34" s="64"/>
      <c r="J34" s="66"/>
      <c r="K34" s="67"/>
      <c r="L34" s="67"/>
      <c r="M34" s="68"/>
      <c r="N34" s="68"/>
      <c r="O34" s="77"/>
      <c r="P34" s="64"/>
      <c r="Q34" s="66"/>
      <c r="R34" s="64"/>
      <c r="S34" s="69"/>
      <c r="T34" s="70"/>
      <c r="U34" s="66"/>
      <c r="V34" s="64"/>
      <c r="W34" s="66"/>
      <c r="X34" s="71"/>
      <c r="Y34" s="71"/>
      <c r="Z34" s="71"/>
      <c r="AA34" s="71"/>
      <c r="AB34" s="72"/>
      <c r="AC34" s="72"/>
      <c r="AD34" s="72"/>
      <c r="AE34" s="72"/>
      <c r="AF34" s="72"/>
      <c r="AG34" s="72"/>
      <c r="AH34" s="72"/>
      <c r="AI34" s="72"/>
      <c r="AJ34" s="72"/>
      <c r="AK34" s="73"/>
      <c r="AL34" s="73"/>
      <c r="AM34" s="74"/>
    </row>
    <row r="35" spans="1:39" s="46" customFormat="1" ht="9.75" customHeight="1">
      <c r="A35" s="80"/>
      <c r="B35" s="81"/>
      <c r="C35" s="81"/>
      <c r="D35" s="81"/>
      <c r="E35" s="81"/>
      <c r="F35" s="81"/>
      <c r="G35" s="82"/>
      <c r="H35" s="83"/>
      <c r="I35" s="82"/>
      <c r="J35" s="83"/>
      <c r="K35" s="84"/>
      <c r="L35" s="84"/>
      <c r="M35" s="85"/>
      <c r="N35" s="85"/>
      <c r="O35" s="86"/>
      <c r="P35" s="82"/>
      <c r="Q35" s="83"/>
      <c r="R35" s="82"/>
      <c r="S35" s="87"/>
      <c r="T35" s="88"/>
      <c r="U35" s="83"/>
      <c r="V35" s="82"/>
      <c r="W35" s="83"/>
      <c r="X35" s="89" t="s">
        <v>3</v>
      </c>
      <c r="Y35" s="89"/>
      <c r="Z35" s="89"/>
      <c r="AA35" s="89"/>
      <c r="AB35" s="90"/>
      <c r="AC35" s="90"/>
      <c r="AD35" s="90"/>
      <c r="AE35" s="90"/>
      <c r="AF35" s="90"/>
      <c r="AG35" s="90"/>
      <c r="AH35" s="90"/>
      <c r="AI35" s="90"/>
      <c r="AJ35" s="90"/>
      <c r="AK35" s="91"/>
      <c r="AL35" s="91"/>
      <c r="AM35" s="92"/>
    </row>
    <row r="36" spans="1:39" s="46" customFormat="1" ht="9.75" customHeight="1">
      <c r="A36" s="181" t="s">
        <v>65</v>
      </c>
      <c r="B36" s="182"/>
      <c r="C36" s="183"/>
      <c r="D36" s="183"/>
      <c r="E36" s="183"/>
      <c r="F36" s="184"/>
      <c r="G36" s="35"/>
      <c r="H36" s="36" t="s">
        <v>318</v>
      </c>
      <c r="I36" s="35"/>
      <c r="J36" s="36" t="s">
        <v>30</v>
      </c>
      <c r="K36" s="37" t="s">
        <v>30</v>
      </c>
      <c r="L36" s="37" t="s">
        <v>318</v>
      </c>
      <c r="M36" s="38"/>
      <c r="N36" s="38"/>
      <c r="O36" s="39"/>
      <c r="P36" s="35"/>
      <c r="Q36" s="36"/>
      <c r="R36" s="35" t="s">
        <v>319</v>
      </c>
      <c r="S36" s="40"/>
      <c r="T36" s="41" t="s">
        <v>319</v>
      </c>
      <c r="U36" s="36" t="s">
        <v>30</v>
      </c>
      <c r="V36" s="35"/>
      <c r="W36" s="36" t="s">
        <v>30</v>
      </c>
      <c r="X36" s="42"/>
      <c r="Y36" s="42"/>
      <c r="Z36" s="42"/>
      <c r="AA36" s="42"/>
      <c r="AB36" s="43"/>
      <c r="AC36" s="43"/>
      <c r="AD36" s="43"/>
      <c r="AE36" s="43"/>
      <c r="AF36" s="43"/>
      <c r="AG36" s="43"/>
      <c r="AH36" s="43"/>
      <c r="AI36" s="43"/>
      <c r="AJ36" s="43"/>
      <c r="AK36" s="44"/>
      <c r="AL36" s="44"/>
      <c r="AM36" s="45"/>
    </row>
    <row r="37" spans="1:39" s="46" customFormat="1" ht="9.75" customHeight="1">
      <c r="A37" s="93"/>
      <c r="B37" s="94"/>
      <c r="C37" s="94"/>
      <c r="D37" s="94"/>
      <c r="E37" s="94"/>
      <c r="F37" s="94"/>
      <c r="G37" s="95"/>
      <c r="H37" s="96"/>
      <c r="I37" s="95"/>
      <c r="J37" s="96"/>
      <c r="K37" s="97"/>
      <c r="L37" s="97"/>
      <c r="M37" s="98"/>
      <c r="N37" s="98"/>
      <c r="O37" s="99"/>
      <c r="P37" s="95"/>
      <c r="Q37" s="96"/>
      <c r="R37" s="95"/>
      <c r="S37" s="100"/>
      <c r="T37" s="101"/>
      <c r="U37" s="96"/>
      <c r="V37" s="95"/>
      <c r="W37" s="96"/>
      <c r="X37" s="102"/>
      <c r="Y37" s="102"/>
      <c r="Z37" s="102"/>
      <c r="AA37" s="102"/>
      <c r="AB37" s="103"/>
      <c r="AC37" s="103"/>
      <c r="AD37" s="103"/>
      <c r="AE37" s="103"/>
      <c r="AF37" s="103"/>
      <c r="AG37" s="103"/>
      <c r="AH37" s="103"/>
      <c r="AI37" s="103"/>
      <c r="AJ37" s="103"/>
      <c r="AK37" s="104"/>
      <c r="AL37" s="104"/>
      <c r="AM37" s="155"/>
    </row>
    <row r="38" spans="1:39" ht="9.75" customHeight="1">
      <c r="A38" s="105"/>
      <c r="B38" s="106"/>
      <c r="C38" s="106"/>
      <c r="D38" s="106"/>
      <c r="E38" s="106"/>
      <c r="F38" s="106"/>
      <c r="G38" s="106"/>
      <c r="H38" s="106"/>
      <c r="I38" s="106"/>
      <c r="J38" s="106"/>
      <c r="K38" s="106"/>
      <c r="L38" s="106"/>
      <c r="M38" s="106"/>
      <c r="N38" s="106"/>
      <c r="O38" s="106"/>
      <c r="P38" s="106"/>
      <c r="Q38" s="106"/>
      <c r="R38" s="106"/>
      <c r="S38" s="106"/>
      <c r="T38" s="106"/>
      <c r="U38" s="106"/>
      <c r="V38" s="106"/>
      <c r="W38" s="106"/>
      <c r="X38" s="107"/>
      <c r="Y38" s="107"/>
      <c r="Z38" s="107"/>
      <c r="AA38" s="107"/>
      <c r="AB38" s="107"/>
      <c r="AC38" s="107"/>
      <c r="AD38" s="107"/>
      <c r="AE38" s="107"/>
      <c r="AF38" s="107"/>
      <c r="AG38" s="107"/>
      <c r="AH38" s="107"/>
      <c r="AI38" s="107"/>
      <c r="AJ38" s="107"/>
      <c r="AK38" s="107"/>
      <c r="AL38" s="107"/>
      <c r="AM38" s="108"/>
    </row>
    <row r="39" spans="1:39" ht="9.75" customHeight="1">
      <c r="A39" s="109"/>
      <c r="B39" s="110"/>
      <c r="C39" s="110"/>
      <c r="D39" s="110"/>
      <c r="E39" s="110"/>
      <c r="F39" s="110"/>
      <c r="G39" s="110"/>
      <c r="H39" s="110"/>
      <c r="I39" s="110"/>
      <c r="J39" s="110"/>
      <c r="K39" s="110"/>
      <c r="L39" s="110"/>
      <c r="M39" s="110"/>
      <c r="N39" s="110"/>
      <c r="O39" s="110"/>
      <c r="P39" s="110"/>
      <c r="Q39" s="110"/>
      <c r="R39" s="110"/>
      <c r="S39" s="110"/>
      <c r="T39" s="110"/>
      <c r="U39" s="110"/>
      <c r="V39" s="110"/>
      <c r="W39" s="110"/>
      <c r="X39" s="110"/>
      <c r="Y39" s="110"/>
      <c r="Z39" s="110"/>
      <c r="AA39" s="110"/>
      <c r="AB39" s="110"/>
      <c r="AC39" s="110"/>
      <c r="AD39" s="110"/>
      <c r="AE39" s="110"/>
      <c r="AF39" s="110"/>
      <c r="AG39" s="110"/>
      <c r="AH39" s="110"/>
      <c r="AI39" s="110"/>
      <c r="AJ39" s="110"/>
      <c r="AK39" s="110"/>
      <c r="AL39" s="110"/>
      <c r="AM39" s="111"/>
    </row>
    <row r="40" spans="1:39" ht="9.75" customHeight="1">
      <c r="A40" s="109"/>
      <c r="B40" s="110"/>
      <c r="C40" s="110"/>
      <c r="D40" s="110"/>
      <c r="E40" s="110"/>
      <c r="F40" s="110"/>
      <c r="G40" s="110"/>
      <c r="H40" s="110"/>
      <c r="I40" s="110"/>
      <c r="J40" s="110"/>
      <c r="K40" s="110"/>
      <c r="L40" s="110"/>
      <c r="M40" s="110"/>
      <c r="N40" s="110"/>
      <c r="O40" s="110"/>
      <c r="P40" s="110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0"/>
      <c r="AJ40" s="110"/>
      <c r="AK40" s="110"/>
      <c r="AL40" s="110"/>
      <c r="AM40" s="111"/>
    </row>
    <row r="41" spans="1:39" ht="9.75" customHeight="1">
      <c r="A41" s="109"/>
      <c r="B41" s="110"/>
      <c r="C41" s="110"/>
      <c r="D41" s="110"/>
      <c r="E41" s="110"/>
      <c r="F41" s="110"/>
      <c r="G41" s="110"/>
      <c r="H41" s="110"/>
      <c r="I41" s="110"/>
      <c r="J41" s="110"/>
      <c r="K41" s="110"/>
      <c r="L41" s="110"/>
      <c r="M41" s="110"/>
      <c r="N41" s="110"/>
      <c r="O41" s="110"/>
      <c r="P41" s="110"/>
      <c r="Q41" s="110"/>
      <c r="R41" s="110"/>
      <c r="S41" s="110"/>
      <c r="T41" s="110"/>
      <c r="U41" s="110"/>
      <c r="V41" s="110"/>
      <c r="W41" s="110"/>
      <c r="X41" s="110"/>
      <c r="Y41" s="110"/>
      <c r="Z41" s="110"/>
      <c r="AA41" s="110"/>
      <c r="AB41" s="110"/>
      <c r="AC41" s="110"/>
      <c r="AD41" s="110"/>
      <c r="AE41" s="110"/>
      <c r="AF41" s="110"/>
      <c r="AG41" s="110"/>
      <c r="AH41" s="110"/>
      <c r="AI41" s="110"/>
      <c r="AJ41" s="110"/>
      <c r="AK41" s="110"/>
      <c r="AL41" s="110"/>
      <c r="AM41" s="111"/>
    </row>
    <row r="42" spans="1:39" ht="9.75" customHeight="1">
      <c r="A42" s="109"/>
      <c r="B42" s="110"/>
      <c r="C42" s="110"/>
      <c r="D42" s="110"/>
      <c r="E42" s="110"/>
      <c r="F42" s="110"/>
      <c r="G42" s="110"/>
      <c r="H42" s="110"/>
      <c r="I42" s="110"/>
      <c r="J42" s="110"/>
      <c r="K42" s="110"/>
      <c r="L42" s="110"/>
      <c r="M42" s="110"/>
      <c r="N42" s="110"/>
      <c r="O42" s="110"/>
      <c r="P42" s="110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1"/>
    </row>
    <row r="43" spans="1:39" ht="9.75" customHeight="1">
      <c r="A43" s="109"/>
      <c r="B43" s="110"/>
      <c r="C43" s="110"/>
      <c r="D43" s="110"/>
      <c r="E43" s="110"/>
      <c r="F43" s="110"/>
      <c r="G43" s="110"/>
      <c r="H43" s="110"/>
      <c r="I43" s="110"/>
      <c r="J43" s="110"/>
      <c r="K43" s="110"/>
      <c r="L43" s="110"/>
      <c r="M43" s="110"/>
      <c r="N43" s="110"/>
      <c r="O43" s="110"/>
      <c r="P43" s="110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1"/>
    </row>
    <row r="44" spans="1:39" ht="9.75" customHeight="1">
      <c r="A44" s="109"/>
      <c r="B44" s="110"/>
      <c r="C44" s="110"/>
      <c r="D44" s="110"/>
      <c r="E44" s="110"/>
      <c r="F44" s="110"/>
      <c r="G44" s="110"/>
      <c r="H44" s="110"/>
      <c r="I44" s="110"/>
      <c r="J44" s="110"/>
      <c r="K44" s="110"/>
      <c r="L44" s="110"/>
      <c r="M44" s="110"/>
      <c r="N44" s="110"/>
      <c r="O44" s="110"/>
      <c r="P44" s="110"/>
      <c r="Q44" s="110"/>
      <c r="R44" s="110"/>
      <c r="S44" s="110"/>
      <c r="T44" s="110"/>
      <c r="U44" s="110"/>
      <c r="V44" s="110"/>
      <c r="W44" s="110"/>
      <c r="X44" s="110"/>
      <c r="Y44" s="110"/>
      <c r="Z44" s="110"/>
      <c r="AA44" s="110"/>
      <c r="AB44" s="110"/>
      <c r="AC44" s="110"/>
      <c r="AD44" s="110"/>
      <c r="AE44" s="110"/>
      <c r="AF44" s="110"/>
      <c r="AG44" s="110"/>
      <c r="AH44" s="110"/>
      <c r="AI44" s="110"/>
      <c r="AJ44" s="110"/>
      <c r="AK44" s="110"/>
      <c r="AL44" s="110"/>
      <c r="AM44" s="111"/>
    </row>
    <row r="45" spans="1:39" ht="9.75" customHeight="1">
      <c r="A45" s="109"/>
      <c r="B45" s="110"/>
      <c r="C45" s="110"/>
      <c r="D45" s="110"/>
      <c r="E45" s="110"/>
      <c r="F45" s="110"/>
      <c r="G45" s="110"/>
      <c r="H45" s="110"/>
      <c r="I45" s="110"/>
      <c r="J45" s="110"/>
      <c r="K45" s="110"/>
      <c r="L45" s="110"/>
      <c r="M45" s="110"/>
      <c r="N45" s="110"/>
      <c r="O45" s="110"/>
      <c r="P45" s="110"/>
      <c r="Q45" s="110"/>
      <c r="R45" s="110"/>
      <c r="S45" s="110"/>
      <c r="T45" s="110"/>
      <c r="U45" s="110"/>
      <c r="V45" s="110"/>
      <c r="W45" s="110"/>
      <c r="X45" s="110"/>
      <c r="Y45" s="110"/>
      <c r="Z45" s="110"/>
      <c r="AA45" s="110"/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0"/>
      <c r="AM45" s="111"/>
    </row>
    <row r="46" spans="1:39" ht="9.75" customHeight="1">
      <c r="A46" s="109"/>
      <c r="B46" s="110"/>
      <c r="C46" s="110"/>
      <c r="D46" s="110"/>
      <c r="E46" s="110"/>
      <c r="F46" s="110"/>
      <c r="G46" s="110"/>
      <c r="H46" s="110"/>
      <c r="I46" s="110"/>
      <c r="J46" s="110"/>
      <c r="K46" s="110"/>
      <c r="L46" s="110"/>
      <c r="M46" s="110"/>
      <c r="N46" s="110"/>
      <c r="O46" s="110"/>
      <c r="P46" s="110"/>
      <c r="Q46" s="110"/>
      <c r="R46" s="110"/>
      <c r="S46" s="110"/>
      <c r="T46" s="110"/>
      <c r="U46" s="110"/>
      <c r="V46" s="110"/>
      <c r="W46" s="110"/>
      <c r="X46" s="110"/>
      <c r="Y46" s="110"/>
      <c r="Z46" s="110"/>
      <c r="AA46" s="110"/>
      <c r="AB46" s="110"/>
      <c r="AC46" s="110"/>
      <c r="AD46" s="110"/>
      <c r="AE46" s="110"/>
      <c r="AF46" s="110"/>
      <c r="AG46" s="110"/>
      <c r="AH46" s="110"/>
      <c r="AI46" s="110"/>
      <c r="AJ46" s="110"/>
      <c r="AK46" s="110"/>
      <c r="AL46" s="110"/>
      <c r="AM46" s="111"/>
    </row>
    <row r="47" spans="1:39" ht="9.75" customHeight="1">
      <c r="A47" s="109"/>
      <c r="B47" s="110"/>
      <c r="C47" s="110"/>
      <c r="D47" s="110"/>
      <c r="E47" s="110"/>
      <c r="F47" s="110"/>
      <c r="G47" s="110"/>
      <c r="H47" s="110"/>
      <c r="I47" s="110"/>
      <c r="J47" s="110"/>
      <c r="K47" s="110"/>
      <c r="L47" s="110"/>
      <c r="M47" s="110"/>
      <c r="N47" s="110"/>
      <c r="O47" s="110"/>
      <c r="P47" s="110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1"/>
    </row>
    <row r="48" spans="1:39" ht="9.75" customHeight="1">
      <c r="A48" s="109"/>
      <c r="B48" s="110"/>
      <c r="C48" s="110"/>
      <c r="D48" s="110"/>
      <c r="E48" s="110"/>
      <c r="F48" s="110"/>
      <c r="G48" s="110"/>
      <c r="H48" s="110"/>
      <c r="I48" s="110"/>
      <c r="J48" s="110"/>
      <c r="K48" s="110"/>
      <c r="L48" s="110"/>
      <c r="M48" s="110"/>
      <c r="N48" s="110"/>
      <c r="O48" s="110"/>
      <c r="P48" s="110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1"/>
    </row>
    <row r="49" spans="1:39" ht="9.75" customHeight="1">
      <c r="A49" s="109"/>
      <c r="B49" s="110"/>
      <c r="C49" s="110"/>
      <c r="D49" s="110"/>
      <c r="E49" s="110"/>
      <c r="F49" s="110"/>
      <c r="G49" s="110"/>
      <c r="H49" s="110"/>
      <c r="I49" s="110"/>
      <c r="J49" s="110"/>
      <c r="K49" s="110"/>
      <c r="L49" s="110"/>
      <c r="M49" s="110"/>
      <c r="N49" s="110"/>
      <c r="O49" s="110"/>
      <c r="P49" s="110"/>
      <c r="Q49" s="110"/>
      <c r="R49" s="110"/>
      <c r="S49" s="110"/>
      <c r="T49" s="110"/>
      <c r="U49" s="110"/>
      <c r="V49" s="110"/>
      <c r="W49" s="110"/>
      <c r="X49" s="110"/>
      <c r="Y49" s="110"/>
      <c r="Z49" s="110"/>
      <c r="AA49" s="110"/>
      <c r="AB49" s="110"/>
      <c r="AC49" s="110"/>
      <c r="AD49" s="110"/>
      <c r="AE49" s="110"/>
      <c r="AF49" s="110"/>
      <c r="AG49" s="110"/>
      <c r="AH49" s="110"/>
      <c r="AI49" s="110"/>
      <c r="AJ49" s="110"/>
      <c r="AK49" s="110"/>
      <c r="AL49" s="110"/>
      <c r="AM49" s="111"/>
    </row>
    <row r="50" spans="1:39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1"/>
    </row>
    <row r="51" spans="1:39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1"/>
    </row>
    <row r="52" spans="1:39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1"/>
    </row>
    <row r="53" spans="1:39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1"/>
    </row>
    <row r="54" spans="1:39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1"/>
    </row>
    <row r="55" spans="1:39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1"/>
    </row>
    <row r="56" spans="1:39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1"/>
    </row>
    <row r="57" spans="1:39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1"/>
    </row>
    <row r="58" spans="1:39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1"/>
    </row>
    <row r="59" spans="1:39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1"/>
    </row>
    <row r="60" spans="1:39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1"/>
    </row>
    <row r="61" spans="1:39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1"/>
    </row>
    <row r="62" spans="1:39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1"/>
    </row>
    <row r="63" spans="1:39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1"/>
    </row>
    <row r="64" spans="1:39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1"/>
    </row>
    <row r="65" spans="1:39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1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35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C23:C25"/>
    <mergeCell ref="D23:D25"/>
    <mergeCell ref="E26:E28"/>
    <mergeCell ref="F26:F28"/>
    <mergeCell ref="C29:C31"/>
    <mergeCell ref="D29:D31"/>
    <mergeCell ref="E32:E34"/>
    <mergeCell ref="F32:F34"/>
    <mergeCell ref="A36:F36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2" max="84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325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233" t="s">
        <v>326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318</v>
      </c>
      <c r="I11" s="35"/>
      <c r="J11" s="36" t="s">
        <v>30</v>
      </c>
      <c r="K11" s="124" t="s">
        <v>30</v>
      </c>
      <c r="L11" s="35"/>
      <c r="M11" s="125" t="s">
        <v>30</v>
      </c>
      <c r="N11" s="37" t="s">
        <v>318</v>
      </c>
      <c r="O11" s="38"/>
      <c r="P11" s="186"/>
      <c r="Q11" s="234"/>
      <c r="R11" s="35"/>
      <c r="S11" s="38"/>
      <c r="T11" s="126" t="s">
        <v>327</v>
      </c>
      <c r="U11" s="38"/>
      <c r="V11" s="36" t="s">
        <v>30</v>
      </c>
      <c r="W11" s="37" t="s">
        <v>30</v>
      </c>
      <c r="X11" s="37" t="s">
        <v>30</v>
      </c>
      <c r="Y11" s="37" t="s">
        <v>328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78" t="s">
        <v>108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327</v>
      </c>
      <c r="I14" s="33"/>
      <c r="J14" s="59" t="s">
        <v>30</v>
      </c>
      <c r="K14" s="132" t="s">
        <v>30</v>
      </c>
      <c r="L14" s="33"/>
      <c r="M14" s="133" t="s">
        <v>30</v>
      </c>
      <c r="N14" s="60" t="s">
        <v>327</v>
      </c>
      <c r="O14" s="61"/>
      <c r="P14" s="61"/>
      <c r="Q14" s="34"/>
      <c r="R14" s="33"/>
      <c r="S14" s="61"/>
      <c r="T14" s="134" t="s">
        <v>327</v>
      </c>
      <c r="U14" s="61"/>
      <c r="V14" s="59" t="s">
        <v>30</v>
      </c>
      <c r="W14" s="60" t="s">
        <v>30</v>
      </c>
      <c r="X14" s="60" t="s">
        <v>30</v>
      </c>
      <c r="Y14" s="60" t="s">
        <v>30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88" t="s">
        <v>329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79"/>
      <c r="G17" s="33"/>
      <c r="H17" s="59" t="s">
        <v>327</v>
      </c>
      <c r="I17" s="33"/>
      <c r="J17" s="59" t="s">
        <v>30</v>
      </c>
      <c r="K17" s="132" t="s">
        <v>30</v>
      </c>
      <c r="L17" s="33"/>
      <c r="M17" s="133" t="s">
        <v>30</v>
      </c>
      <c r="N17" s="60" t="s">
        <v>327</v>
      </c>
      <c r="O17" s="61"/>
      <c r="P17" s="61"/>
      <c r="Q17" s="34"/>
      <c r="R17" s="33"/>
      <c r="S17" s="61"/>
      <c r="T17" s="134" t="s">
        <v>327</v>
      </c>
      <c r="U17" s="61"/>
      <c r="V17" s="59" t="s">
        <v>30</v>
      </c>
      <c r="W17" s="60" t="s">
        <v>30</v>
      </c>
      <c r="X17" s="60" t="s">
        <v>30</v>
      </c>
      <c r="Y17" s="60" t="s">
        <v>30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79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07</v>
      </c>
      <c r="Q19" s="178" t="s">
        <v>108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327</v>
      </c>
      <c r="T20" s="134" t="s">
        <v>327</v>
      </c>
      <c r="U20" s="61"/>
      <c r="V20" s="59" t="s">
        <v>30</v>
      </c>
      <c r="W20" s="60" t="s">
        <v>30</v>
      </c>
      <c r="X20" s="60" t="s">
        <v>30</v>
      </c>
      <c r="Y20" s="60" t="s">
        <v>30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64"/>
      <c r="D21" s="136"/>
      <c r="E21" s="64"/>
      <c r="F21" s="65"/>
      <c r="G21" s="64"/>
      <c r="H21" s="66"/>
      <c r="I21" s="64"/>
      <c r="J21" s="66"/>
      <c r="K21" s="137"/>
      <c r="L21" s="64"/>
      <c r="M21" s="138"/>
      <c r="N21" s="67"/>
      <c r="O21" s="68"/>
      <c r="P21" s="187"/>
      <c r="Q21" s="180"/>
      <c r="R21" s="64"/>
      <c r="S21" s="68"/>
      <c r="T21" s="139"/>
      <c r="U21" s="68"/>
      <c r="V21" s="66"/>
      <c r="W21" s="67"/>
      <c r="X21" s="67"/>
      <c r="Y21" s="67"/>
      <c r="Z21" s="140"/>
      <c r="AA21" s="71"/>
      <c r="AB21" s="71"/>
      <c r="AC21" s="71"/>
      <c r="AD21" s="72"/>
      <c r="AE21" s="73"/>
      <c r="AF21" s="73"/>
      <c r="AG21" s="73"/>
      <c r="AH21" s="71"/>
      <c r="AI21" s="71"/>
      <c r="AJ21" s="71"/>
      <c r="AK21" s="71"/>
      <c r="AL21" s="72"/>
      <c r="AM21" s="73"/>
      <c r="AN21" s="73"/>
      <c r="AO21" s="74"/>
    </row>
    <row r="22" spans="1:41" s="46" customFormat="1" ht="9.75" customHeight="1">
      <c r="A22" s="57"/>
      <c r="B22" s="34"/>
      <c r="C22" s="175" t="s">
        <v>36</v>
      </c>
      <c r="D22" s="178" t="s">
        <v>330</v>
      </c>
      <c r="E22" s="48"/>
      <c r="F22" s="49"/>
      <c r="G22" s="48"/>
      <c r="H22" s="50"/>
      <c r="I22" s="48"/>
      <c r="J22" s="50"/>
      <c r="K22" s="128"/>
      <c r="L22" s="48"/>
      <c r="M22" s="129"/>
      <c r="N22" s="51"/>
      <c r="O22" s="52"/>
      <c r="P22" s="52"/>
      <c r="Q22" s="76"/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41"/>
      <c r="C23" s="176"/>
      <c r="D23" s="179"/>
      <c r="E23" s="33"/>
      <c r="F23" s="34"/>
      <c r="G23" s="33"/>
      <c r="H23" s="59" t="s">
        <v>331</v>
      </c>
      <c r="I23" s="33"/>
      <c r="J23" s="59" t="s">
        <v>30</v>
      </c>
      <c r="K23" s="132" t="s">
        <v>30</v>
      </c>
      <c r="L23" s="33"/>
      <c r="M23" s="133" t="s">
        <v>30</v>
      </c>
      <c r="N23" s="60" t="s">
        <v>331</v>
      </c>
      <c r="O23" s="61"/>
      <c r="P23" s="61"/>
      <c r="Q23" s="58"/>
      <c r="R23" s="33"/>
      <c r="S23" s="61"/>
      <c r="T23" s="134" t="s">
        <v>30</v>
      </c>
      <c r="U23" s="61"/>
      <c r="V23" s="59" t="s">
        <v>30</v>
      </c>
      <c r="W23" s="60" t="s">
        <v>30</v>
      </c>
      <c r="X23" s="60" t="s">
        <v>30</v>
      </c>
      <c r="Y23" s="60" t="s">
        <v>331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41"/>
      <c r="C24" s="176"/>
      <c r="D24" s="179"/>
      <c r="E24" s="33"/>
      <c r="F24" s="34"/>
      <c r="G24" s="33"/>
      <c r="H24" s="59"/>
      <c r="I24" s="33"/>
      <c r="J24" s="59"/>
      <c r="K24" s="132"/>
      <c r="L24" s="33"/>
      <c r="M24" s="133"/>
      <c r="N24" s="60"/>
      <c r="O24" s="61"/>
      <c r="P24" s="61"/>
      <c r="Q24" s="58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34"/>
      <c r="E25" s="175" t="s">
        <v>21</v>
      </c>
      <c r="F25" s="178" t="s">
        <v>332</v>
      </c>
      <c r="G25" s="48"/>
      <c r="H25" s="50"/>
      <c r="I25" s="48"/>
      <c r="J25" s="50"/>
      <c r="K25" s="128"/>
      <c r="L25" s="48"/>
      <c r="M25" s="129"/>
      <c r="N25" s="51"/>
      <c r="O25" s="52"/>
      <c r="P25" s="52"/>
      <c r="Q25" s="76"/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41"/>
      <c r="E26" s="176"/>
      <c r="F26" s="179"/>
      <c r="G26" s="33"/>
      <c r="H26" s="59" t="s">
        <v>331</v>
      </c>
      <c r="I26" s="33"/>
      <c r="J26" s="59" t="s">
        <v>30</v>
      </c>
      <c r="K26" s="132" t="s">
        <v>30</v>
      </c>
      <c r="L26" s="33"/>
      <c r="M26" s="133" t="s">
        <v>30</v>
      </c>
      <c r="N26" s="60" t="s">
        <v>331</v>
      </c>
      <c r="O26" s="61"/>
      <c r="P26" s="61"/>
      <c r="Q26" s="34"/>
      <c r="R26" s="33"/>
      <c r="S26" s="61"/>
      <c r="T26" s="134" t="s">
        <v>30</v>
      </c>
      <c r="U26" s="61"/>
      <c r="V26" s="59" t="s">
        <v>30</v>
      </c>
      <c r="W26" s="60" t="s">
        <v>30</v>
      </c>
      <c r="X26" s="60" t="s">
        <v>30</v>
      </c>
      <c r="Y26" s="60" t="s">
        <v>331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41"/>
      <c r="E27" s="176"/>
      <c r="F27" s="179"/>
      <c r="G27" s="33"/>
      <c r="H27" s="59"/>
      <c r="I27" s="33"/>
      <c r="J27" s="59"/>
      <c r="K27" s="132"/>
      <c r="L27" s="33"/>
      <c r="M27" s="133"/>
      <c r="N27" s="60"/>
      <c r="O27" s="61"/>
      <c r="P27" s="61"/>
      <c r="Q27" s="34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57"/>
      <c r="B28" s="131"/>
      <c r="C28" s="33"/>
      <c r="D28" s="131"/>
      <c r="E28" s="33"/>
      <c r="F28" s="34"/>
      <c r="G28" s="33"/>
      <c r="H28" s="59"/>
      <c r="I28" s="33"/>
      <c r="J28" s="59"/>
      <c r="K28" s="132"/>
      <c r="L28" s="33"/>
      <c r="M28" s="133"/>
      <c r="N28" s="60"/>
      <c r="O28" s="61"/>
      <c r="P28" s="185" t="s">
        <v>302</v>
      </c>
      <c r="Q28" s="178" t="s">
        <v>303</v>
      </c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31"/>
      <c r="C29" s="33"/>
      <c r="D29" s="131"/>
      <c r="E29" s="33"/>
      <c r="F29" s="34"/>
      <c r="G29" s="33"/>
      <c r="H29" s="59"/>
      <c r="I29" s="33"/>
      <c r="J29" s="59"/>
      <c r="K29" s="132"/>
      <c r="L29" s="33"/>
      <c r="M29" s="133"/>
      <c r="N29" s="60"/>
      <c r="O29" s="61"/>
      <c r="P29" s="186"/>
      <c r="Q29" s="179"/>
      <c r="R29" s="33"/>
      <c r="S29" s="61" t="s">
        <v>333</v>
      </c>
      <c r="T29" s="134" t="s">
        <v>30</v>
      </c>
      <c r="U29" s="61"/>
      <c r="V29" s="59" t="s">
        <v>30</v>
      </c>
      <c r="W29" s="60" t="s">
        <v>30</v>
      </c>
      <c r="X29" s="60" t="s">
        <v>30</v>
      </c>
      <c r="Y29" s="60" t="s">
        <v>333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31"/>
      <c r="C30" s="33"/>
      <c r="D30" s="131"/>
      <c r="E30" s="33"/>
      <c r="F30" s="34"/>
      <c r="G30" s="33"/>
      <c r="H30" s="59"/>
      <c r="I30" s="33"/>
      <c r="J30" s="59"/>
      <c r="K30" s="132"/>
      <c r="L30" s="33"/>
      <c r="M30" s="133"/>
      <c r="N30" s="60"/>
      <c r="O30" s="61"/>
      <c r="P30" s="187"/>
      <c r="Q30" s="180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131"/>
      <c r="E31" s="33"/>
      <c r="F31" s="58"/>
      <c r="G31" s="33"/>
      <c r="H31" s="59"/>
      <c r="I31" s="33"/>
      <c r="J31" s="59"/>
      <c r="K31" s="132"/>
      <c r="L31" s="33"/>
      <c r="M31" s="133"/>
      <c r="N31" s="60"/>
      <c r="O31" s="61"/>
      <c r="P31" s="185" t="s">
        <v>89</v>
      </c>
      <c r="Q31" s="178" t="s">
        <v>90</v>
      </c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31"/>
      <c r="E32" s="33"/>
      <c r="F32" s="58"/>
      <c r="G32" s="33"/>
      <c r="H32" s="59"/>
      <c r="I32" s="33"/>
      <c r="J32" s="59"/>
      <c r="K32" s="132"/>
      <c r="L32" s="33"/>
      <c r="M32" s="133"/>
      <c r="N32" s="60"/>
      <c r="O32" s="61"/>
      <c r="P32" s="186"/>
      <c r="Q32" s="179"/>
      <c r="R32" s="33"/>
      <c r="S32" s="61" t="s">
        <v>334</v>
      </c>
      <c r="T32" s="134" t="s">
        <v>30</v>
      </c>
      <c r="U32" s="61"/>
      <c r="V32" s="59" t="s">
        <v>30</v>
      </c>
      <c r="W32" s="60" t="s">
        <v>30</v>
      </c>
      <c r="X32" s="60" t="s">
        <v>30</v>
      </c>
      <c r="Y32" s="60" t="s">
        <v>334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64"/>
      <c r="D33" s="136"/>
      <c r="E33" s="64"/>
      <c r="F33" s="65"/>
      <c r="G33" s="64"/>
      <c r="H33" s="66"/>
      <c r="I33" s="64"/>
      <c r="J33" s="66"/>
      <c r="K33" s="137"/>
      <c r="L33" s="64"/>
      <c r="M33" s="138"/>
      <c r="N33" s="67"/>
      <c r="O33" s="68"/>
      <c r="P33" s="187"/>
      <c r="Q33" s="180"/>
      <c r="R33" s="64"/>
      <c r="S33" s="68"/>
      <c r="T33" s="139"/>
      <c r="U33" s="68"/>
      <c r="V33" s="66"/>
      <c r="W33" s="67"/>
      <c r="X33" s="67"/>
      <c r="Y33" s="67"/>
      <c r="Z33" s="140"/>
      <c r="AA33" s="71"/>
      <c r="AB33" s="71"/>
      <c r="AC33" s="71"/>
      <c r="AD33" s="72"/>
      <c r="AE33" s="73"/>
      <c r="AF33" s="73"/>
      <c r="AG33" s="73"/>
      <c r="AH33" s="71"/>
      <c r="AI33" s="71"/>
      <c r="AJ33" s="71"/>
      <c r="AK33" s="71"/>
      <c r="AL33" s="72"/>
      <c r="AM33" s="73"/>
      <c r="AN33" s="73"/>
      <c r="AO33" s="74"/>
    </row>
    <row r="34" spans="1:41" s="46" customFormat="1" ht="9.75" customHeight="1">
      <c r="A34" s="57"/>
      <c r="B34" s="34"/>
      <c r="C34" s="175" t="s">
        <v>52</v>
      </c>
      <c r="D34" s="178" t="s">
        <v>335</v>
      </c>
      <c r="E34" s="48"/>
      <c r="F34" s="49"/>
      <c r="G34" s="48"/>
      <c r="H34" s="50"/>
      <c r="I34" s="48"/>
      <c r="J34" s="50"/>
      <c r="K34" s="128"/>
      <c r="L34" s="48"/>
      <c r="M34" s="129"/>
      <c r="N34" s="51"/>
      <c r="O34" s="52"/>
      <c r="P34" s="52"/>
      <c r="Q34" s="76"/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41"/>
      <c r="C35" s="176"/>
      <c r="D35" s="179"/>
      <c r="E35" s="33"/>
      <c r="F35" s="34"/>
      <c r="G35" s="33"/>
      <c r="H35" s="59" t="s">
        <v>336</v>
      </c>
      <c r="I35" s="33"/>
      <c r="J35" s="59" t="s">
        <v>30</v>
      </c>
      <c r="K35" s="132" t="s">
        <v>30</v>
      </c>
      <c r="L35" s="33"/>
      <c r="M35" s="133" t="s">
        <v>30</v>
      </c>
      <c r="N35" s="60" t="s">
        <v>336</v>
      </c>
      <c r="O35" s="61"/>
      <c r="P35" s="61"/>
      <c r="Q35" s="58"/>
      <c r="R35" s="33"/>
      <c r="S35" s="61"/>
      <c r="T35" s="134" t="s">
        <v>30</v>
      </c>
      <c r="U35" s="61"/>
      <c r="V35" s="59" t="s">
        <v>30</v>
      </c>
      <c r="W35" s="60" t="s">
        <v>30</v>
      </c>
      <c r="X35" s="60" t="s">
        <v>30</v>
      </c>
      <c r="Y35" s="60" t="s">
        <v>336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41"/>
      <c r="C36" s="176"/>
      <c r="D36" s="179"/>
      <c r="E36" s="33"/>
      <c r="F36" s="34"/>
      <c r="G36" s="33"/>
      <c r="H36" s="59"/>
      <c r="I36" s="33"/>
      <c r="J36" s="59"/>
      <c r="K36" s="132"/>
      <c r="L36" s="33"/>
      <c r="M36" s="133"/>
      <c r="N36" s="60"/>
      <c r="O36" s="61"/>
      <c r="P36" s="61"/>
      <c r="Q36" s="58"/>
      <c r="R36" s="33"/>
      <c r="S36" s="61"/>
      <c r="T36" s="134"/>
      <c r="U36" s="61"/>
      <c r="V36" s="59"/>
      <c r="W36" s="60"/>
      <c r="X36" s="60"/>
      <c r="Y36" s="60"/>
      <c r="Z36" s="135"/>
      <c r="AA36" s="27"/>
      <c r="AB36" s="27"/>
      <c r="AC36" s="27"/>
      <c r="AD36" s="28"/>
      <c r="AE36" s="29"/>
      <c r="AF36" s="29"/>
      <c r="AG36" s="29"/>
      <c r="AH36" s="27"/>
      <c r="AI36" s="27"/>
      <c r="AJ36" s="27"/>
      <c r="AK36" s="27"/>
      <c r="AL36" s="28"/>
      <c r="AM36" s="29"/>
      <c r="AN36" s="29"/>
      <c r="AO36" s="30"/>
    </row>
    <row r="37" spans="1:41" s="46" customFormat="1" ht="9.75" customHeight="1">
      <c r="A37" s="57"/>
      <c r="B37" s="131"/>
      <c r="C37" s="33"/>
      <c r="D37" s="34"/>
      <c r="E37" s="175" t="s">
        <v>21</v>
      </c>
      <c r="F37" s="178" t="s">
        <v>335</v>
      </c>
      <c r="G37" s="48"/>
      <c r="H37" s="50"/>
      <c r="I37" s="48"/>
      <c r="J37" s="50"/>
      <c r="K37" s="128"/>
      <c r="L37" s="48"/>
      <c r="M37" s="129"/>
      <c r="N37" s="51"/>
      <c r="O37" s="52"/>
      <c r="P37" s="52"/>
      <c r="Q37" s="76"/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31"/>
      <c r="C38" s="33"/>
      <c r="D38" s="141"/>
      <c r="E38" s="176"/>
      <c r="F38" s="179"/>
      <c r="G38" s="33"/>
      <c r="H38" s="59" t="s">
        <v>336</v>
      </c>
      <c r="I38" s="33"/>
      <c r="J38" s="59" t="s">
        <v>30</v>
      </c>
      <c r="K38" s="132" t="s">
        <v>30</v>
      </c>
      <c r="L38" s="33"/>
      <c r="M38" s="133" t="s">
        <v>30</v>
      </c>
      <c r="N38" s="60" t="s">
        <v>336</v>
      </c>
      <c r="O38" s="61"/>
      <c r="P38" s="61"/>
      <c r="Q38" s="34"/>
      <c r="R38" s="33"/>
      <c r="S38" s="61"/>
      <c r="T38" s="134" t="s">
        <v>30</v>
      </c>
      <c r="U38" s="61"/>
      <c r="V38" s="59" t="s">
        <v>30</v>
      </c>
      <c r="W38" s="60" t="s">
        <v>30</v>
      </c>
      <c r="X38" s="60" t="s">
        <v>30</v>
      </c>
      <c r="Y38" s="60" t="s">
        <v>336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31"/>
      <c r="C39" s="33"/>
      <c r="D39" s="141"/>
      <c r="E39" s="177"/>
      <c r="F39" s="180"/>
      <c r="G39" s="33"/>
      <c r="H39" s="59"/>
      <c r="I39" s="33"/>
      <c r="J39" s="59"/>
      <c r="K39" s="132"/>
      <c r="L39" s="33"/>
      <c r="M39" s="133"/>
      <c r="N39" s="60"/>
      <c r="O39" s="61"/>
      <c r="P39" s="61"/>
      <c r="Q39" s="34"/>
      <c r="R39" s="33"/>
      <c r="S39" s="61"/>
      <c r="T39" s="134"/>
      <c r="U39" s="61"/>
      <c r="V39" s="59"/>
      <c r="W39" s="60"/>
      <c r="X39" s="60"/>
      <c r="Y39" s="60"/>
      <c r="Z39" s="135"/>
      <c r="AA39" s="27"/>
      <c r="AB39" s="27"/>
      <c r="AC39" s="27"/>
      <c r="AD39" s="28"/>
      <c r="AE39" s="29"/>
      <c r="AF39" s="29"/>
      <c r="AG39" s="29"/>
      <c r="AH39" s="27"/>
      <c r="AI39" s="27"/>
      <c r="AJ39" s="27"/>
      <c r="AK39" s="27"/>
      <c r="AL39" s="28"/>
      <c r="AM39" s="29"/>
      <c r="AN39" s="29"/>
      <c r="AO39" s="30"/>
    </row>
    <row r="40" spans="1:41" s="46" customFormat="1" ht="9.75" customHeight="1">
      <c r="A40" s="80"/>
      <c r="B40" s="142"/>
      <c r="C40" s="52"/>
      <c r="D40" s="142"/>
      <c r="E40" s="52"/>
      <c r="F40" s="76"/>
      <c r="G40" s="82"/>
      <c r="H40" s="83"/>
      <c r="I40" s="82"/>
      <c r="J40" s="83"/>
      <c r="K40" s="143"/>
      <c r="L40" s="82"/>
      <c r="M40" s="144"/>
      <c r="N40" s="84"/>
      <c r="O40" s="85"/>
      <c r="P40" s="85"/>
      <c r="Q40" s="86"/>
      <c r="R40" s="82"/>
      <c r="S40" s="85"/>
      <c r="T40" s="145"/>
      <c r="U40" s="85"/>
      <c r="V40" s="83"/>
      <c r="W40" s="84"/>
      <c r="X40" s="84"/>
      <c r="Y40" s="84"/>
      <c r="Z40" s="146" t="s">
        <v>3</v>
      </c>
      <c r="AA40" s="89"/>
      <c r="AB40" s="89"/>
      <c r="AC40" s="89"/>
      <c r="AD40" s="90"/>
      <c r="AE40" s="91"/>
      <c r="AF40" s="91"/>
      <c r="AG40" s="91"/>
      <c r="AH40" s="89"/>
      <c r="AI40" s="89"/>
      <c r="AJ40" s="89"/>
      <c r="AK40" s="89"/>
      <c r="AL40" s="90"/>
      <c r="AM40" s="91"/>
      <c r="AN40" s="91"/>
      <c r="AO40" s="92"/>
    </row>
    <row r="41" spans="1:41" s="46" customFormat="1" ht="9.75" customHeight="1">
      <c r="A41" s="181" t="s">
        <v>129</v>
      </c>
      <c r="B41" s="182"/>
      <c r="C41" s="183"/>
      <c r="D41" s="183"/>
      <c r="E41" s="183"/>
      <c r="F41" s="184"/>
      <c r="G41" s="230" t="s">
        <v>318</v>
      </c>
      <c r="H41" s="231"/>
      <c r="I41" s="35"/>
      <c r="J41" s="36" t="s">
        <v>30</v>
      </c>
      <c r="K41" s="37" t="s">
        <v>30</v>
      </c>
      <c r="L41" s="35"/>
      <c r="M41" s="36" t="s">
        <v>30</v>
      </c>
      <c r="N41" s="124" t="s">
        <v>318</v>
      </c>
      <c r="O41" s="147"/>
      <c r="P41" s="38"/>
      <c r="Q41" s="39"/>
      <c r="R41" s="35"/>
      <c r="S41" s="38"/>
      <c r="T41" s="148" t="s">
        <v>327</v>
      </c>
      <c r="U41" s="38"/>
      <c r="V41" s="36" t="s">
        <v>30</v>
      </c>
      <c r="W41" s="37" t="s">
        <v>30</v>
      </c>
      <c r="X41" s="36" t="s">
        <v>30</v>
      </c>
      <c r="Y41" s="37" t="s">
        <v>328</v>
      </c>
      <c r="Z41" s="149"/>
      <c r="AA41" s="43"/>
      <c r="AB41" s="43"/>
      <c r="AC41" s="43"/>
      <c r="AD41" s="43"/>
      <c r="AE41" s="44"/>
      <c r="AF41" s="44"/>
      <c r="AG41" s="44"/>
      <c r="AH41" s="42"/>
      <c r="AI41" s="42"/>
      <c r="AJ41" s="42"/>
      <c r="AK41" s="42"/>
      <c r="AL41" s="43"/>
      <c r="AM41" s="43"/>
      <c r="AN41" s="43"/>
      <c r="AO41" s="45"/>
    </row>
    <row r="42" spans="1:41" s="46" customFormat="1" ht="9.75" customHeight="1">
      <c r="A42" s="93"/>
      <c r="B42" s="150"/>
      <c r="C42" s="98"/>
      <c r="D42" s="150"/>
      <c r="E42" s="98"/>
      <c r="F42" s="99"/>
      <c r="G42" s="95"/>
      <c r="H42" s="96"/>
      <c r="I42" s="95"/>
      <c r="J42" s="96"/>
      <c r="K42" s="151"/>
      <c r="L42" s="95"/>
      <c r="M42" s="152"/>
      <c r="N42" s="97"/>
      <c r="O42" s="98"/>
      <c r="P42" s="98"/>
      <c r="Q42" s="99"/>
      <c r="R42" s="95"/>
      <c r="S42" s="98"/>
      <c r="T42" s="153"/>
      <c r="U42" s="98"/>
      <c r="V42" s="96"/>
      <c r="W42" s="97"/>
      <c r="X42" s="97"/>
      <c r="Y42" s="97"/>
      <c r="Z42" s="154"/>
      <c r="AA42" s="102"/>
      <c r="AB42" s="102"/>
      <c r="AC42" s="102"/>
      <c r="AD42" s="103"/>
      <c r="AE42" s="104"/>
      <c r="AF42" s="104"/>
      <c r="AG42" s="104"/>
      <c r="AH42" s="102"/>
      <c r="AI42" s="102"/>
      <c r="AJ42" s="102"/>
      <c r="AK42" s="102"/>
      <c r="AL42" s="103"/>
      <c r="AM42" s="104"/>
      <c r="AN42" s="104"/>
      <c r="AO42" s="155"/>
    </row>
    <row r="43" spans="1:41" ht="9.75" customHeight="1">
      <c r="A43" s="105"/>
      <c r="B43" s="106"/>
      <c r="C43" s="106"/>
      <c r="D43" s="106"/>
      <c r="E43" s="106"/>
      <c r="F43" s="106"/>
      <c r="G43" s="106"/>
      <c r="H43" s="106"/>
      <c r="I43" s="106"/>
      <c r="J43" s="106"/>
      <c r="K43" s="106"/>
      <c r="L43" s="106"/>
      <c r="M43" s="106"/>
      <c r="N43" s="106"/>
      <c r="O43" s="106"/>
      <c r="P43" s="106"/>
      <c r="Q43" s="106"/>
      <c r="R43" s="106"/>
      <c r="S43" s="106"/>
      <c r="T43" s="106"/>
      <c r="U43" s="106"/>
      <c r="V43" s="106"/>
      <c r="W43" s="106"/>
      <c r="X43" s="106"/>
      <c r="Y43" s="106"/>
      <c r="Z43" s="107"/>
      <c r="AA43" s="107"/>
      <c r="AB43" s="107"/>
      <c r="AC43" s="107"/>
      <c r="AD43" s="107"/>
      <c r="AE43" s="107"/>
      <c r="AF43" s="107"/>
      <c r="AG43" s="107"/>
      <c r="AH43" s="107"/>
      <c r="AI43" s="107"/>
      <c r="AJ43" s="107"/>
      <c r="AK43" s="107"/>
      <c r="AL43" s="107"/>
      <c r="AM43" s="107"/>
      <c r="AN43" s="107"/>
      <c r="AO43" s="108"/>
    </row>
    <row r="44" spans="1:41" ht="9.75" customHeight="1">
      <c r="A44" s="109"/>
      <c r="B44" s="110"/>
      <c r="C44" s="110"/>
      <c r="D44" s="110"/>
      <c r="E44" s="110"/>
      <c r="F44" s="110"/>
      <c r="G44" s="110"/>
      <c r="H44" s="110"/>
      <c r="I44" s="110"/>
      <c r="J44" s="110"/>
      <c r="K44" s="110"/>
      <c r="L44" s="110"/>
      <c r="M44" s="110"/>
      <c r="N44" s="110"/>
      <c r="O44" s="110"/>
      <c r="P44" s="110"/>
      <c r="Q44" s="110"/>
      <c r="R44" s="110"/>
      <c r="S44" s="110"/>
      <c r="T44" s="110"/>
      <c r="U44" s="110"/>
      <c r="V44" s="110"/>
      <c r="W44" s="110"/>
      <c r="X44" s="110"/>
      <c r="Y44" s="110"/>
      <c r="Z44" s="110"/>
      <c r="AA44" s="110"/>
      <c r="AB44" s="110"/>
      <c r="AC44" s="110"/>
      <c r="AD44" s="110"/>
      <c r="AE44" s="110"/>
      <c r="AF44" s="110"/>
      <c r="AG44" s="110"/>
      <c r="AH44" s="110"/>
      <c r="AI44" s="110"/>
      <c r="AJ44" s="110"/>
      <c r="AK44" s="110"/>
      <c r="AL44" s="110"/>
      <c r="AM44" s="110"/>
      <c r="AN44" s="110"/>
      <c r="AO44" s="111"/>
    </row>
    <row r="45" spans="1:41" ht="9.75" customHeight="1">
      <c r="A45" s="109"/>
      <c r="B45" s="110"/>
      <c r="C45" s="110"/>
      <c r="D45" s="110"/>
      <c r="E45" s="110"/>
      <c r="F45" s="110"/>
      <c r="G45" s="110"/>
      <c r="H45" s="110"/>
      <c r="I45" s="110"/>
      <c r="J45" s="110"/>
      <c r="K45" s="110"/>
      <c r="L45" s="110"/>
      <c r="M45" s="110"/>
      <c r="N45" s="110"/>
      <c r="O45" s="110"/>
      <c r="P45" s="110"/>
      <c r="Q45" s="110"/>
      <c r="R45" s="110"/>
      <c r="S45" s="110"/>
      <c r="T45" s="110"/>
      <c r="U45" s="110"/>
      <c r="V45" s="110"/>
      <c r="W45" s="110"/>
      <c r="X45" s="110"/>
      <c r="Y45" s="110"/>
      <c r="Z45" s="110"/>
      <c r="AA45" s="110"/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0"/>
      <c r="AM45" s="110"/>
      <c r="AN45" s="110"/>
      <c r="AO45" s="111"/>
    </row>
    <row r="46" spans="1:41" ht="9.75" customHeight="1">
      <c r="A46" s="109"/>
      <c r="B46" s="110"/>
      <c r="C46" s="110"/>
      <c r="D46" s="110"/>
      <c r="E46" s="110"/>
      <c r="F46" s="110"/>
      <c r="G46" s="110"/>
      <c r="H46" s="110"/>
      <c r="I46" s="110"/>
      <c r="J46" s="110"/>
      <c r="K46" s="110"/>
      <c r="L46" s="110"/>
      <c r="M46" s="110"/>
      <c r="N46" s="110"/>
      <c r="O46" s="110"/>
      <c r="P46" s="110"/>
      <c r="Q46" s="110"/>
      <c r="R46" s="110"/>
      <c r="S46" s="110"/>
      <c r="T46" s="110"/>
      <c r="U46" s="110"/>
      <c r="V46" s="110"/>
      <c r="W46" s="110"/>
      <c r="X46" s="110"/>
      <c r="Y46" s="110"/>
      <c r="Z46" s="110"/>
      <c r="AA46" s="110"/>
      <c r="AB46" s="110"/>
      <c r="AC46" s="110"/>
      <c r="AD46" s="110"/>
      <c r="AE46" s="110"/>
      <c r="AF46" s="110"/>
      <c r="AG46" s="110"/>
      <c r="AH46" s="110"/>
      <c r="AI46" s="110"/>
      <c r="AJ46" s="110"/>
      <c r="AK46" s="110"/>
      <c r="AL46" s="110"/>
      <c r="AM46" s="110"/>
      <c r="AN46" s="110"/>
      <c r="AO46" s="111"/>
    </row>
    <row r="47" spans="1:41" ht="9.75" customHeight="1">
      <c r="A47" s="109"/>
      <c r="B47" s="110"/>
      <c r="C47" s="110"/>
      <c r="D47" s="110"/>
      <c r="E47" s="110"/>
      <c r="F47" s="110"/>
      <c r="G47" s="110"/>
      <c r="H47" s="110"/>
      <c r="I47" s="110"/>
      <c r="J47" s="110"/>
      <c r="K47" s="110"/>
      <c r="L47" s="110"/>
      <c r="M47" s="110"/>
      <c r="N47" s="110"/>
      <c r="O47" s="110"/>
      <c r="P47" s="110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0"/>
      <c r="AN47" s="110"/>
      <c r="AO47" s="111"/>
    </row>
    <row r="48" spans="1:41" ht="9.75" customHeight="1">
      <c r="A48" s="109"/>
      <c r="B48" s="110"/>
      <c r="C48" s="110"/>
      <c r="D48" s="110"/>
      <c r="E48" s="110"/>
      <c r="F48" s="110"/>
      <c r="G48" s="110"/>
      <c r="H48" s="110"/>
      <c r="I48" s="110"/>
      <c r="J48" s="110"/>
      <c r="K48" s="110"/>
      <c r="L48" s="110"/>
      <c r="M48" s="110"/>
      <c r="N48" s="110"/>
      <c r="O48" s="110"/>
      <c r="P48" s="110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0"/>
      <c r="AN48" s="110"/>
      <c r="AO48" s="111"/>
    </row>
    <row r="49" spans="1:41" ht="9.75" customHeight="1">
      <c r="A49" s="109"/>
      <c r="B49" s="110"/>
      <c r="C49" s="110"/>
      <c r="D49" s="110"/>
      <c r="E49" s="110"/>
      <c r="F49" s="110"/>
      <c r="G49" s="110"/>
      <c r="H49" s="110"/>
      <c r="I49" s="110"/>
      <c r="J49" s="110"/>
      <c r="K49" s="110"/>
      <c r="L49" s="110"/>
      <c r="M49" s="110"/>
      <c r="N49" s="110"/>
      <c r="O49" s="110"/>
      <c r="P49" s="110"/>
      <c r="Q49" s="110"/>
      <c r="R49" s="110"/>
      <c r="S49" s="110"/>
      <c r="T49" s="110"/>
      <c r="U49" s="110"/>
      <c r="V49" s="110"/>
      <c r="W49" s="110"/>
      <c r="X49" s="110"/>
      <c r="Y49" s="110"/>
      <c r="Z49" s="110"/>
      <c r="AA49" s="110"/>
      <c r="AB49" s="110"/>
      <c r="AC49" s="110"/>
      <c r="AD49" s="110"/>
      <c r="AE49" s="110"/>
      <c r="AF49" s="110"/>
      <c r="AG49" s="110"/>
      <c r="AH49" s="110"/>
      <c r="AI49" s="110"/>
      <c r="AJ49" s="110"/>
      <c r="AK49" s="110"/>
      <c r="AL49" s="110"/>
      <c r="AM49" s="110"/>
      <c r="AN49" s="110"/>
      <c r="AO49" s="111"/>
    </row>
    <row r="50" spans="1:41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1"/>
    </row>
    <row r="51" spans="1:41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1"/>
    </row>
    <row r="52" spans="1:41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0"/>
      <c r="AN52" s="110"/>
      <c r="AO52" s="111"/>
    </row>
    <row r="53" spans="1:41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0"/>
      <c r="AN53" s="110"/>
      <c r="AO53" s="111"/>
    </row>
    <row r="54" spans="1:41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0"/>
      <c r="AN54" s="110"/>
      <c r="AO54" s="111"/>
    </row>
    <row r="55" spans="1:41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0"/>
      <c r="AN55" s="110"/>
      <c r="AO55" s="111"/>
    </row>
    <row r="56" spans="1:41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0"/>
      <c r="AN56" s="110"/>
      <c r="AO56" s="111"/>
    </row>
    <row r="57" spans="1:41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0"/>
      <c r="AN57" s="110"/>
      <c r="AO57" s="111"/>
    </row>
    <row r="58" spans="1:41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0"/>
      <c r="AN58" s="110"/>
      <c r="AO58" s="111"/>
    </row>
    <row r="59" spans="1:41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1"/>
    </row>
    <row r="60" spans="1:41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0"/>
      <c r="AN60" s="110"/>
      <c r="AO60" s="111"/>
    </row>
    <row r="61" spans="1:41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0"/>
      <c r="AN61" s="110"/>
      <c r="AO61" s="111"/>
    </row>
    <row r="62" spans="1:41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0"/>
      <c r="AN62" s="110"/>
      <c r="AO62" s="111"/>
    </row>
    <row r="63" spans="1:41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0"/>
      <c r="AN63" s="110"/>
      <c r="AO63" s="111"/>
    </row>
    <row r="64" spans="1:41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0"/>
      <c r="AN64" s="110"/>
      <c r="AO64" s="111"/>
    </row>
    <row r="65" spans="1:41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0"/>
      <c r="AN65" s="110"/>
      <c r="AO65" s="111"/>
    </row>
    <row r="66" spans="1:41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1"/>
    </row>
    <row r="67" spans="1:41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0"/>
      <c r="AN67" s="110"/>
      <c r="AO67" s="111"/>
    </row>
    <row r="68" spans="1:41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1"/>
    </row>
    <row r="69" spans="1:41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0"/>
      <c r="AN69" s="110"/>
      <c r="AO69" s="111"/>
    </row>
    <row r="70" spans="1:41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0"/>
      <c r="AN70" s="110"/>
      <c r="AO70" s="111"/>
    </row>
    <row r="71" spans="1:41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1"/>
    </row>
    <row r="72" spans="1:41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1"/>
    </row>
    <row r="73" spans="1:41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0"/>
      <c r="AN73" s="110"/>
      <c r="AO73" s="111"/>
    </row>
    <row r="74" spans="1:41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0"/>
      <c r="AN74" s="110"/>
      <c r="AO74" s="111"/>
    </row>
    <row r="75" spans="1:41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1"/>
    </row>
    <row r="76" spans="1:41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0"/>
      <c r="AN76" s="110"/>
      <c r="AO76" s="111"/>
    </row>
    <row r="77" spans="1:41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0"/>
      <c r="AN77" s="110"/>
      <c r="AO77" s="111"/>
    </row>
    <row r="78" spans="1:41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0"/>
      <c r="AN78" s="110"/>
      <c r="AO78" s="111"/>
    </row>
    <row r="79" spans="1:41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1"/>
    </row>
    <row r="80" spans="1:41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1"/>
    </row>
    <row r="81" spans="1:41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0"/>
      <c r="AN81" s="110"/>
      <c r="AO81" s="111"/>
    </row>
    <row r="82" spans="1:41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0"/>
      <c r="AN82" s="110"/>
      <c r="AO82" s="111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43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C22:C24"/>
    <mergeCell ref="D22:D24"/>
    <mergeCell ref="G41:H41"/>
    <mergeCell ref="E25:E27"/>
    <mergeCell ref="F25:F27"/>
    <mergeCell ref="P28:P30"/>
    <mergeCell ref="Q28:Q30"/>
    <mergeCell ref="P31:P33"/>
    <mergeCell ref="Q31:Q33"/>
    <mergeCell ref="C34:C36"/>
    <mergeCell ref="D34:D36"/>
    <mergeCell ref="E37:E39"/>
    <mergeCell ref="F37:F39"/>
    <mergeCell ref="A41:F41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363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279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194" t="s">
        <v>364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339</v>
      </c>
      <c r="I12" s="35"/>
      <c r="J12" s="36" t="s">
        <v>30</v>
      </c>
      <c r="K12" s="37" t="s">
        <v>30</v>
      </c>
      <c r="L12" s="37" t="s">
        <v>339</v>
      </c>
      <c r="M12" s="38"/>
      <c r="N12" s="38"/>
      <c r="O12" s="39"/>
      <c r="P12" s="35"/>
      <c r="Q12" s="36"/>
      <c r="R12" s="35" t="s">
        <v>365</v>
      </c>
      <c r="S12" s="40"/>
      <c r="T12" s="41" t="s">
        <v>365</v>
      </c>
      <c r="U12" s="36" t="s">
        <v>30</v>
      </c>
      <c r="V12" s="35"/>
      <c r="W12" s="36" t="s">
        <v>3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78" t="s">
        <v>31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366</v>
      </c>
      <c r="I15" s="33"/>
      <c r="J15" s="59" t="s">
        <v>30</v>
      </c>
      <c r="K15" s="60" t="s">
        <v>30</v>
      </c>
      <c r="L15" s="60" t="s">
        <v>366</v>
      </c>
      <c r="M15" s="61"/>
      <c r="N15" s="61"/>
      <c r="O15" s="34"/>
      <c r="P15" s="33"/>
      <c r="Q15" s="59"/>
      <c r="R15" s="33" t="s">
        <v>366</v>
      </c>
      <c r="S15" s="62"/>
      <c r="T15" s="63" t="s">
        <v>366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34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366</v>
      </c>
      <c r="I18" s="33"/>
      <c r="J18" s="59" t="s">
        <v>30</v>
      </c>
      <c r="K18" s="60" t="s">
        <v>30</v>
      </c>
      <c r="L18" s="60" t="s">
        <v>366</v>
      </c>
      <c r="M18" s="61"/>
      <c r="N18" s="61"/>
      <c r="O18" s="34"/>
      <c r="P18" s="33"/>
      <c r="Q18" s="59"/>
      <c r="R18" s="33" t="s">
        <v>366</v>
      </c>
      <c r="S18" s="62"/>
      <c r="T18" s="63" t="s">
        <v>366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78" t="s">
        <v>34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366</v>
      </c>
      <c r="R21" s="33" t="s">
        <v>366</v>
      </c>
      <c r="S21" s="62"/>
      <c r="T21" s="63" t="s">
        <v>366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80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47"/>
      <c r="B23" s="75"/>
      <c r="C23" s="175" t="s">
        <v>36</v>
      </c>
      <c r="D23" s="178" t="s">
        <v>37</v>
      </c>
      <c r="E23" s="48"/>
      <c r="F23" s="49"/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176"/>
      <c r="D24" s="179"/>
      <c r="E24" s="33"/>
      <c r="F24" s="34"/>
      <c r="G24" s="33"/>
      <c r="H24" s="59" t="s">
        <v>331</v>
      </c>
      <c r="I24" s="33"/>
      <c r="J24" s="59" t="s">
        <v>30</v>
      </c>
      <c r="K24" s="60" t="s">
        <v>30</v>
      </c>
      <c r="L24" s="60" t="s">
        <v>331</v>
      </c>
      <c r="M24" s="61"/>
      <c r="N24" s="61"/>
      <c r="O24" s="58"/>
      <c r="P24" s="33"/>
      <c r="Q24" s="59"/>
      <c r="R24" s="33" t="s">
        <v>350</v>
      </c>
      <c r="S24" s="62"/>
      <c r="T24" s="63" t="s">
        <v>350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176"/>
      <c r="D25" s="179"/>
      <c r="E25" s="33"/>
      <c r="F25" s="34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175" t="s">
        <v>21</v>
      </c>
      <c r="F26" s="188" t="s">
        <v>41</v>
      </c>
      <c r="G26" s="48"/>
      <c r="H26" s="50"/>
      <c r="I26" s="48"/>
      <c r="J26" s="50"/>
      <c r="K26" s="51"/>
      <c r="L26" s="51"/>
      <c r="M26" s="52"/>
      <c r="N26" s="52"/>
      <c r="O26" s="49"/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176"/>
      <c r="F27" s="179"/>
      <c r="G27" s="33"/>
      <c r="H27" s="59" t="s">
        <v>331</v>
      </c>
      <c r="I27" s="33"/>
      <c r="J27" s="59" t="s">
        <v>30</v>
      </c>
      <c r="K27" s="60" t="s">
        <v>30</v>
      </c>
      <c r="L27" s="60" t="s">
        <v>331</v>
      </c>
      <c r="M27" s="61"/>
      <c r="N27" s="61"/>
      <c r="O27" s="34"/>
      <c r="P27" s="33"/>
      <c r="Q27" s="59"/>
      <c r="R27" s="33" t="s">
        <v>350</v>
      </c>
      <c r="S27" s="62"/>
      <c r="T27" s="63" t="s">
        <v>350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64"/>
      <c r="D28" s="77"/>
      <c r="E28" s="177"/>
      <c r="F28" s="180"/>
      <c r="G28" s="64"/>
      <c r="H28" s="66"/>
      <c r="I28" s="64"/>
      <c r="J28" s="66"/>
      <c r="K28" s="67"/>
      <c r="L28" s="67"/>
      <c r="M28" s="68"/>
      <c r="N28" s="68"/>
      <c r="O28" s="77"/>
      <c r="P28" s="64"/>
      <c r="Q28" s="66"/>
      <c r="R28" s="64"/>
      <c r="S28" s="69"/>
      <c r="T28" s="70"/>
      <c r="U28" s="66"/>
      <c r="V28" s="64"/>
      <c r="W28" s="66"/>
      <c r="X28" s="71"/>
      <c r="Y28" s="71"/>
      <c r="Z28" s="71"/>
      <c r="AA28" s="71"/>
      <c r="AB28" s="72"/>
      <c r="AC28" s="72"/>
      <c r="AD28" s="72"/>
      <c r="AE28" s="72"/>
      <c r="AF28" s="72"/>
      <c r="AG28" s="72"/>
      <c r="AH28" s="72"/>
      <c r="AI28" s="72"/>
      <c r="AJ28" s="72"/>
      <c r="AK28" s="73"/>
      <c r="AL28" s="73"/>
      <c r="AM28" s="74"/>
    </row>
    <row r="29" spans="1:39" s="46" customFormat="1" ht="9.75" customHeight="1">
      <c r="A29" s="47"/>
      <c r="B29" s="75"/>
      <c r="C29" s="175" t="s">
        <v>52</v>
      </c>
      <c r="D29" s="178" t="s">
        <v>53</v>
      </c>
      <c r="E29" s="48"/>
      <c r="F29" s="49"/>
      <c r="G29" s="48"/>
      <c r="H29" s="50"/>
      <c r="I29" s="48"/>
      <c r="J29" s="50"/>
      <c r="K29" s="51"/>
      <c r="L29" s="51"/>
      <c r="M29" s="52"/>
      <c r="N29" s="52"/>
      <c r="O29" s="76"/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47"/>
      <c r="B30" s="75"/>
      <c r="C30" s="176"/>
      <c r="D30" s="179"/>
      <c r="E30" s="33"/>
      <c r="F30" s="34"/>
      <c r="G30" s="33"/>
      <c r="H30" s="59" t="s">
        <v>367</v>
      </c>
      <c r="I30" s="33"/>
      <c r="J30" s="59" t="s">
        <v>30</v>
      </c>
      <c r="K30" s="60" t="s">
        <v>30</v>
      </c>
      <c r="L30" s="60" t="s">
        <v>367</v>
      </c>
      <c r="M30" s="61"/>
      <c r="N30" s="61"/>
      <c r="O30" s="58"/>
      <c r="P30" s="33"/>
      <c r="Q30" s="59"/>
      <c r="R30" s="33" t="s">
        <v>368</v>
      </c>
      <c r="S30" s="62"/>
      <c r="T30" s="63" t="s">
        <v>368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47"/>
      <c r="B31" s="75"/>
      <c r="C31" s="176"/>
      <c r="D31" s="179"/>
      <c r="E31" s="33"/>
      <c r="F31" s="34"/>
      <c r="G31" s="33"/>
      <c r="H31" s="59"/>
      <c r="I31" s="33"/>
      <c r="J31" s="59"/>
      <c r="K31" s="60"/>
      <c r="L31" s="60"/>
      <c r="M31" s="61"/>
      <c r="N31" s="61"/>
      <c r="O31" s="58"/>
      <c r="P31" s="33"/>
      <c r="Q31" s="59"/>
      <c r="R31" s="33"/>
      <c r="S31" s="62"/>
      <c r="T31" s="63"/>
      <c r="U31" s="59"/>
      <c r="V31" s="33"/>
      <c r="W31" s="59"/>
      <c r="X31" s="27"/>
      <c r="Y31" s="27"/>
      <c r="Z31" s="27"/>
      <c r="AA31" s="27"/>
      <c r="AB31" s="28"/>
      <c r="AC31" s="28"/>
      <c r="AD31" s="28"/>
      <c r="AE31" s="28"/>
      <c r="AF31" s="28"/>
      <c r="AG31" s="28"/>
      <c r="AH31" s="28"/>
      <c r="AI31" s="28"/>
      <c r="AJ31" s="28"/>
      <c r="AK31" s="29"/>
      <c r="AL31" s="29"/>
      <c r="AM31" s="30"/>
    </row>
    <row r="32" spans="1:39" s="46" customFormat="1" ht="9.75" customHeight="1">
      <c r="A32" s="47"/>
      <c r="B32" s="39"/>
      <c r="C32" s="33"/>
      <c r="D32" s="34"/>
      <c r="E32" s="175" t="s">
        <v>21</v>
      </c>
      <c r="F32" s="178" t="s">
        <v>53</v>
      </c>
      <c r="G32" s="48"/>
      <c r="H32" s="50"/>
      <c r="I32" s="48"/>
      <c r="J32" s="50"/>
      <c r="K32" s="51"/>
      <c r="L32" s="51"/>
      <c r="M32" s="52"/>
      <c r="N32" s="52"/>
      <c r="O32" s="49"/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57"/>
      <c r="B33" s="58"/>
      <c r="C33" s="33"/>
      <c r="D33" s="34"/>
      <c r="E33" s="176"/>
      <c r="F33" s="179"/>
      <c r="G33" s="33"/>
      <c r="H33" s="59" t="s">
        <v>367</v>
      </c>
      <c r="I33" s="33"/>
      <c r="J33" s="59" t="s">
        <v>30</v>
      </c>
      <c r="K33" s="60" t="s">
        <v>30</v>
      </c>
      <c r="L33" s="60" t="s">
        <v>367</v>
      </c>
      <c r="M33" s="61"/>
      <c r="N33" s="61"/>
      <c r="O33" s="34"/>
      <c r="P33" s="33"/>
      <c r="Q33" s="59"/>
      <c r="R33" s="33" t="s">
        <v>368</v>
      </c>
      <c r="S33" s="62"/>
      <c r="T33" s="63" t="s">
        <v>368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57"/>
      <c r="B34" s="58"/>
      <c r="C34" s="64"/>
      <c r="D34" s="77"/>
      <c r="E34" s="177"/>
      <c r="F34" s="180"/>
      <c r="G34" s="64"/>
      <c r="H34" s="66"/>
      <c r="I34" s="64"/>
      <c r="J34" s="66"/>
      <c r="K34" s="67"/>
      <c r="L34" s="67"/>
      <c r="M34" s="68"/>
      <c r="N34" s="68"/>
      <c r="O34" s="77"/>
      <c r="P34" s="64"/>
      <c r="Q34" s="66"/>
      <c r="R34" s="64"/>
      <c r="S34" s="69"/>
      <c r="T34" s="70"/>
      <c r="U34" s="66"/>
      <c r="V34" s="64"/>
      <c r="W34" s="66"/>
      <c r="X34" s="71"/>
      <c r="Y34" s="71"/>
      <c r="Z34" s="71"/>
      <c r="AA34" s="71"/>
      <c r="AB34" s="72"/>
      <c r="AC34" s="72"/>
      <c r="AD34" s="72"/>
      <c r="AE34" s="72"/>
      <c r="AF34" s="72"/>
      <c r="AG34" s="72"/>
      <c r="AH34" s="72"/>
      <c r="AI34" s="72"/>
      <c r="AJ34" s="72"/>
      <c r="AK34" s="73"/>
      <c r="AL34" s="73"/>
      <c r="AM34" s="74"/>
    </row>
    <row r="35" spans="1:39" s="46" customFormat="1" ht="9.75" customHeight="1">
      <c r="A35" s="47"/>
      <c r="B35" s="75"/>
      <c r="C35" s="175" t="s">
        <v>57</v>
      </c>
      <c r="D35" s="178" t="s">
        <v>58</v>
      </c>
      <c r="E35" s="48"/>
      <c r="F35" s="49"/>
      <c r="G35" s="48"/>
      <c r="H35" s="50"/>
      <c r="I35" s="48"/>
      <c r="J35" s="50"/>
      <c r="K35" s="51"/>
      <c r="L35" s="51"/>
      <c r="M35" s="52"/>
      <c r="N35" s="52"/>
      <c r="O35" s="76"/>
      <c r="P35" s="48"/>
      <c r="Q35" s="50"/>
      <c r="R35" s="48"/>
      <c r="S35" s="53"/>
      <c r="T35" s="54"/>
      <c r="U35" s="50"/>
      <c r="V35" s="48"/>
      <c r="W35" s="50"/>
      <c r="X35" s="55" t="s">
        <v>3</v>
      </c>
      <c r="Y35" s="55"/>
      <c r="Z35" s="55"/>
      <c r="AA35" s="55"/>
      <c r="AB35" s="56"/>
      <c r="AC35" s="56"/>
      <c r="AD35" s="56"/>
      <c r="AE35" s="56"/>
      <c r="AF35" s="56"/>
      <c r="AG35" s="56"/>
      <c r="AH35" s="56"/>
      <c r="AI35" s="56"/>
      <c r="AJ35" s="56"/>
      <c r="AK35" s="19"/>
      <c r="AL35" s="19"/>
      <c r="AM35" s="26"/>
    </row>
    <row r="36" spans="1:39" s="46" customFormat="1" ht="9.75" customHeight="1">
      <c r="A36" s="47"/>
      <c r="B36" s="75"/>
      <c r="C36" s="176"/>
      <c r="D36" s="179"/>
      <c r="E36" s="33"/>
      <c r="F36" s="34"/>
      <c r="G36" s="33"/>
      <c r="H36" s="59" t="s">
        <v>292</v>
      </c>
      <c r="I36" s="33"/>
      <c r="J36" s="59" t="s">
        <v>30</v>
      </c>
      <c r="K36" s="60" t="s">
        <v>30</v>
      </c>
      <c r="L36" s="60" t="s">
        <v>292</v>
      </c>
      <c r="M36" s="61"/>
      <c r="N36" s="61"/>
      <c r="O36" s="58"/>
      <c r="P36" s="33"/>
      <c r="Q36" s="59"/>
      <c r="R36" s="33" t="s">
        <v>369</v>
      </c>
      <c r="S36" s="62"/>
      <c r="T36" s="63" t="s">
        <v>369</v>
      </c>
      <c r="U36" s="59" t="s">
        <v>30</v>
      </c>
      <c r="V36" s="33"/>
      <c r="W36" s="59" t="s">
        <v>30</v>
      </c>
      <c r="X36" s="27"/>
      <c r="Y36" s="27"/>
      <c r="Z36" s="27"/>
      <c r="AA36" s="27"/>
      <c r="AB36" s="28"/>
      <c r="AC36" s="28"/>
      <c r="AD36" s="28"/>
      <c r="AE36" s="28"/>
      <c r="AF36" s="28"/>
      <c r="AG36" s="28"/>
      <c r="AH36" s="28"/>
      <c r="AI36" s="28"/>
      <c r="AJ36" s="28"/>
      <c r="AK36" s="29"/>
      <c r="AL36" s="29"/>
      <c r="AM36" s="30"/>
    </row>
    <row r="37" spans="1:39" s="46" customFormat="1" ht="9.75" customHeight="1">
      <c r="A37" s="47"/>
      <c r="B37" s="75"/>
      <c r="C37" s="176"/>
      <c r="D37" s="179"/>
      <c r="E37" s="33"/>
      <c r="F37" s="34"/>
      <c r="G37" s="33"/>
      <c r="H37" s="59"/>
      <c r="I37" s="33"/>
      <c r="J37" s="59"/>
      <c r="K37" s="60"/>
      <c r="L37" s="60"/>
      <c r="M37" s="61"/>
      <c r="N37" s="61"/>
      <c r="O37" s="58"/>
      <c r="P37" s="33"/>
      <c r="Q37" s="59"/>
      <c r="R37" s="33"/>
      <c r="S37" s="62"/>
      <c r="T37" s="63"/>
      <c r="U37" s="59"/>
      <c r="V37" s="33"/>
      <c r="W37" s="59"/>
      <c r="X37" s="27"/>
      <c r="Y37" s="27"/>
      <c r="Z37" s="27"/>
      <c r="AA37" s="27"/>
      <c r="AB37" s="28"/>
      <c r="AC37" s="28"/>
      <c r="AD37" s="28"/>
      <c r="AE37" s="28"/>
      <c r="AF37" s="28"/>
      <c r="AG37" s="28"/>
      <c r="AH37" s="28"/>
      <c r="AI37" s="28"/>
      <c r="AJ37" s="28"/>
      <c r="AK37" s="29"/>
      <c r="AL37" s="29"/>
      <c r="AM37" s="30"/>
    </row>
    <row r="38" spans="1:39" s="46" customFormat="1" ht="9.75" customHeight="1">
      <c r="A38" s="47"/>
      <c r="B38" s="39"/>
      <c r="C38" s="33"/>
      <c r="D38" s="34"/>
      <c r="E38" s="175" t="s">
        <v>21</v>
      </c>
      <c r="F38" s="178" t="s">
        <v>61</v>
      </c>
      <c r="G38" s="48"/>
      <c r="H38" s="50"/>
      <c r="I38" s="48"/>
      <c r="J38" s="50"/>
      <c r="K38" s="51"/>
      <c r="L38" s="51"/>
      <c r="M38" s="52"/>
      <c r="N38" s="52"/>
      <c r="O38" s="49"/>
      <c r="P38" s="48"/>
      <c r="Q38" s="50"/>
      <c r="R38" s="48"/>
      <c r="S38" s="53"/>
      <c r="T38" s="54"/>
      <c r="U38" s="50"/>
      <c r="V38" s="48"/>
      <c r="W38" s="50"/>
      <c r="X38" s="55" t="s">
        <v>3</v>
      </c>
      <c r="Y38" s="55"/>
      <c r="Z38" s="55"/>
      <c r="AA38" s="55"/>
      <c r="AB38" s="56"/>
      <c r="AC38" s="56"/>
      <c r="AD38" s="56"/>
      <c r="AE38" s="56"/>
      <c r="AF38" s="56"/>
      <c r="AG38" s="56"/>
      <c r="AH38" s="56"/>
      <c r="AI38" s="56"/>
      <c r="AJ38" s="56"/>
      <c r="AK38" s="19"/>
      <c r="AL38" s="19"/>
      <c r="AM38" s="26"/>
    </row>
    <row r="39" spans="1:39" s="46" customFormat="1" ht="9.75" customHeight="1">
      <c r="A39" s="57"/>
      <c r="B39" s="58"/>
      <c r="C39" s="33"/>
      <c r="D39" s="34"/>
      <c r="E39" s="176"/>
      <c r="F39" s="179"/>
      <c r="G39" s="33"/>
      <c r="H39" s="59" t="s">
        <v>292</v>
      </c>
      <c r="I39" s="33"/>
      <c r="J39" s="59" t="s">
        <v>30</v>
      </c>
      <c r="K39" s="60" t="s">
        <v>30</v>
      </c>
      <c r="L39" s="60" t="s">
        <v>292</v>
      </c>
      <c r="M39" s="61"/>
      <c r="N39" s="61"/>
      <c r="O39" s="34"/>
      <c r="P39" s="33"/>
      <c r="Q39" s="59"/>
      <c r="R39" s="33" t="s">
        <v>369</v>
      </c>
      <c r="S39" s="62"/>
      <c r="T39" s="63" t="s">
        <v>369</v>
      </c>
      <c r="U39" s="59" t="s">
        <v>30</v>
      </c>
      <c r="V39" s="33"/>
      <c r="W39" s="59" t="s">
        <v>30</v>
      </c>
      <c r="X39" s="27"/>
      <c r="Y39" s="27"/>
      <c r="Z39" s="27"/>
      <c r="AA39" s="27"/>
      <c r="AB39" s="28"/>
      <c r="AC39" s="28"/>
      <c r="AD39" s="28"/>
      <c r="AE39" s="28"/>
      <c r="AF39" s="28"/>
      <c r="AG39" s="28"/>
      <c r="AH39" s="28"/>
      <c r="AI39" s="28"/>
      <c r="AJ39" s="28"/>
      <c r="AK39" s="29"/>
      <c r="AL39" s="29"/>
      <c r="AM39" s="30"/>
    </row>
    <row r="40" spans="1:39" s="46" customFormat="1" ht="9.75" customHeight="1">
      <c r="A40" s="158"/>
      <c r="B40" s="65"/>
      <c r="C40" s="64"/>
      <c r="D40" s="77"/>
      <c r="E40" s="177"/>
      <c r="F40" s="180"/>
      <c r="G40" s="64"/>
      <c r="H40" s="66"/>
      <c r="I40" s="64"/>
      <c r="J40" s="66"/>
      <c r="K40" s="67"/>
      <c r="L40" s="67"/>
      <c r="M40" s="68"/>
      <c r="N40" s="68"/>
      <c r="O40" s="77"/>
      <c r="P40" s="64"/>
      <c r="Q40" s="66"/>
      <c r="R40" s="64"/>
      <c r="S40" s="69"/>
      <c r="T40" s="70"/>
      <c r="U40" s="66"/>
      <c r="V40" s="64"/>
      <c r="W40" s="66"/>
      <c r="X40" s="71"/>
      <c r="Y40" s="71"/>
      <c r="Z40" s="71"/>
      <c r="AA40" s="71"/>
      <c r="AB40" s="72"/>
      <c r="AC40" s="72"/>
      <c r="AD40" s="72"/>
      <c r="AE40" s="72"/>
      <c r="AF40" s="72"/>
      <c r="AG40" s="72"/>
      <c r="AH40" s="72"/>
      <c r="AI40" s="72"/>
      <c r="AJ40" s="72"/>
      <c r="AK40" s="73"/>
      <c r="AL40" s="73"/>
      <c r="AM40" s="74"/>
    </row>
    <row r="41" spans="1:39" s="46" customFormat="1" ht="9.75" customHeight="1">
      <c r="A41" s="80"/>
      <c r="B41" s="81"/>
      <c r="C41" s="81"/>
      <c r="D41" s="81"/>
      <c r="E41" s="81"/>
      <c r="F41" s="81"/>
      <c r="G41" s="82"/>
      <c r="H41" s="83"/>
      <c r="I41" s="82"/>
      <c r="J41" s="83"/>
      <c r="K41" s="84"/>
      <c r="L41" s="84"/>
      <c r="M41" s="85"/>
      <c r="N41" s="85"/>
      <c r="O41" s="86"/>
      <c r="P41" s="82"/>
      <c r="Q41" s="83"/>
      <c r="R41" s="82"/>
      <c r="S41" s="87"/>
      <c r="T41" s="88"/>
      <c r="U41" s="83"/>
      <c r="V41" s="82"/>
      <c r="W41" s="83"/>
      <c r="X41" s="89" t="s">
        <v>3</v>
      </c>
      <c r="Y41" s="89"/>
      <c r="Z41" s="89"/>
      <c r="AA41" s="89"/>
      <c r="AB41" s="90"/>
      <c r="AC41" s="90"/>
      <c r="AD41" s="90"/>
      <c r="AE41" s="90"/>
      <c r="AF41" s="90"/>
      <c r="AG41" s="90"/>
      <c r="AH41" s="90"/>
      <c r="AI41" s="90"/>
      <c r="AJ41" s="90"/>
      <c r="AK41" s="91"/>
      <c r="AL41" s="91"/>
      <c r="AM41" s="92"/>
    </row>
    <row r="42" spans="1:39" s="46" customFormat="1" ht="9.75" customHeight="1">
      <c r="A42" s="181" t="s">
        <v>65</v>
      </c>
      <c r="B42" s="182"/>
      <c r="C42" s="183"/>
      <c r="D42" s="183"/>
      <c r="E42" s="183"/>
      <c r="F42" s="184"/>
      <c r="G42" s="35"/>
      <c r="H42" s="36" t="s">
        <v>339</v>
      </c>
      <c r="I42" s="35"/>
      <c r="J42" s="36" t="s">
        <v>30</v>
      </c>
      <c r="K42" s="37" t="s">
        <v>30</v>
      </c>
      <c r="L42" s="37" t="s">
        <v>339</v>
      </c>
      <c r="M42" s="38"/>
      <c r="N42" s="38"/>
      <c r="O42" s="39"/>
      <c r="P42" s="35"/>
      <c r="Q42" s="36"/>
      <c r="R42" s="35" t="s">
        <v>365</v>
      </c>
      <c r="S42" s="40"/>
      <c r="T42" s="41" t="s">
        <v>365</v>
      </c>
      <c r="U42" s="36" t="s">
        <v>30</v>
      </c>
      <c r="V42" s="35"/>
      <c r="W42" s="36" t="s">
        <v>30</v>
      </c>
      <c r="X42" s="42"/>
      <c r="Y42" s="42"/>
      <c r="Z42" s="42"/>
      <c r="AA42" s="42"/>
      <c r="AB42" s="43"/>
      <c r="AC42" s="43"/>
      <c r="AD42" s="43"/>
      <c r="AE42" s="43"/>
      <c r="AF42" s="43"/>
      <c r="AG42" s="43"/>
      <c r="AH42" s="43"/>
      <c r="AI42" s="43"/>
      <c r="AJ42" s="43"/>
      <c r="AK42" s="44"/>
      <c r="AL42" s="44"/>
      <c r="AM42" s="45"/>
    </row>
    <row r="43" spans="1:39" s="46" customFormat="1" ht="9.75" customHeight="1">
      <c r="A43" s="93"/>
      <c r="B43" s="94"/>
      <c r="C43" s="94"/>
      <c r="D43" s="94"/>
      <c r="E43" s="94"/>
      <c r="F43" s="94"/>
      <c r="G43" s="95"/>
      <c r="H43" s="96"/>
      <c r="I43" s="95"/>
      <c r="J43" s="96"/>
      <c r="K43" s="97"/>
      <c r="L43" s="97"/>
      <c r="M43" s="98"/>
      <c r="N43" s="98"/>
      <c r="O43" s="99"/>
      <c r="P43" s="95"/>
      <c r="Q43" s="96"/>
      <c r="R43" s="95"/>
      <c r="S43" s="100"/>
      <c r="T43" s="101"/>
      <c r="U43" s="96"/>
      <c r="V43" s="95"/>
      <c r="W43" s="96"/>
      <c r="X43" s="102"/>
      <c r="Y43" s="102"/>
      <c r="Z43" s="102"/>
      <c r="AA43" s="102"/>
      <c r="AB43" s="103"/>
      <c r="AC43" s="103"/>
      <c r="AD43" s="103"/>
      <c r="AE43" s="103"/>
      <c r="AF43" s="103"/>
      <c r="AG43" s="103"/>
      <c r="AH43" s="103"/>
      <c r="AI43" s="103"/>
      <c r="AJ43" s="103"/>
      <c r="AK43" s="104"/>
      <c r="AL43" s="104"/>
      <c r="AM43" s="155"/>
    </row>
    <row r="44" spans="1:39" ht="9.75" customHeight="1">
      <c r="A44" s="105"/>
      <c r="B44" s="106"/>
      <c r="C44" s="106"/>
      <c r="D44" s="106"/>
      <c r="E44" s="106"/>
      <c r="F44" s="106"/>
      <c r="G44" s="106"/>
      <c r="H44" s="106"/>
      <c r="I44" s="106"/>
      <c r="J44" s="106"/>
      <c r="K44" s="106"/>
      <c r="L44" s="106"/>
      <c r="M44" s="106"/>
      <c r="N44" s="106"/>
      <c r="O44" s="106"/>
      <c r="P44" s="106"/>
      <c r="Q44" s="106"/>
      <c r="R44" s="106"/>
      <c r="S44" s="106"/>
      <c r="T44" s="106"/>
      <c r="U44" s="106"/>
      <c r="V44" s="106"/>
      <c r="W44" s="106"/>
      <c r="X44" s="107"/>
      <c r="Y44" s="107"/>
      <c r="Z44" s="107"/>
      <c r="AA44" s="107"/>
      <c r="AB44" s="107"/>
      <c r="AC44" s="107"/>
      <c r="AD44" s="107"/>
      <c r="AE44" s="107"/>
      <c r="AF44" s="107"/>
      <c r="AG44" s="107"/>
      <c r="AH44" s="107"/>
      <c r="AI44" s="107"/>
      <c r="AJ44" s="107"/>
      <c r="AK44" s="107"/>
      <c r="AL44" s="107"/>
      <c r="AM44" s="108"/>
    </row>
    <row r="45" spans="1:39" ht="9.75" customHeight="1">
      <c r="A45" s="109"/>
      <c r="B45" s="110"/>
      <c r="C45" s="110"/>
      <c r="D45" s="110"/>
      <c r="E45" s="110"/>
      <c r="F45" s="110"/>
      <c r="G45" s="110"/>
      <c r="H45" s="110"/>
      <c r="I45" s="110"/>
      <c r="J45" s="110"/>
      <c r="K45" s="110"/>
      <c r="L45" s="110"/>
      <c r="M45" s="110"/>
      <c r="N45" s="110"/>
      <c r="O45" s="110"/>
      <c r="P45" s="110"/>
      <c r="Q45" s="110"/>
      <c r="R45" s="110"/>
      <c r="S45" s="110"/>
      <c r="T45" s="110"/>
      <c r="U45" s="110"/>
      <c r="V45" s="110"/>
      <c r="W45" s="110"/>
      <c r="X45" s="110"/>
      <c r="Y45" s="110"/>
      <c r="Z45" s="110"/>
      <c r="AA45" s="110"/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0"/>
      <c r="AM45" s="111"/>
    </row>
    <row r="46" spans="1:39" ht="9.75" customHeight="1">
      <c r="A46" s="109"/>
      <c r="B46" s="110"/>
      <c r="C46" s="110"/>
      <c r="D46" s="110"/>
      <c r="E46" s="110"/>
      <c r="F46" s="110"/>
      <c r="G46" s="110"/>
      <c r="H46" s="110"/>
      <c r="I46" s="110"/>
      <c r="J46" s="110"/>
      <c r="K46" s="110"/>
      <c r="L46" s="110"/>
      <c r="M46" s="110"/>
      <c r="N46" s="110"/>
      <c r="O46" s="110"/>
      <c r="P46" s="110"/>
      <c r="Q46" s="110"/>
      <c r="R46" s="110"/>
      <c r="S46" s="110"/>
      <c r="T46" s="110"/>
      <c r="U46" s="110"/>
      <c r="V46" s="110"/>
      <c r="W46" s="110"/>
      <c r="X46" s="110"/>
      <c r="Y46" s="110"/>
      <c r="Z46" s="110"/>
      <c r="AA46" s="110"/>
      <c r="AB46" s="110"/>
      <c r="AC46" s="110"/>
      <c r="AD46" s="110"/>
      <c r="AE46" s="110"/>
      <c r="AF46" s="110"/>
      <c r="AG46" s="110"/>
      <c r="AH46" s="110"/>
      <c r="AI46" s="110"/>
      <c r="AJ46" s="110"/>
      <c r="AK46" s="110"/>
      <c r="AL46" s="110"/>
      <c r="AM46" s="111"/>
    </row>
    <row r="47" spans="1:39" ht="9.75" customHeight="1">
      <c r="A47" s="109"/>
      <c r="B47" s="110"/>
      <c r="C47" s="110"/>
      <c r="D47" s="110"/>
      <c r="E47" s="110"/>
      <c r="F47" s="110"/>
      <c r="G47" s="110"/>
      <c r="H47" s="110"/>
      <c r="I47" s="110"/>
      <c r="J47" s="110"/>
      <c r="K47" s="110"/>
      <c r="L47" s="110"/>
      <c r="M47" s="110"/>
      <c r="N47" s="110"/>
      <c r="O47" s="110"/>
      <c r="P47" s="110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1"/>
    </row>
    <row r="48" spans="1:39" ht="9.75" customHeight="1">
      <c r="A48" s="109"/>
      <c r="B48" s="110"/>
      <c r="C48" s="110"/>
      <c r="D48" s="110"/>
      <c r="E48" s="110"/>
      <c r="F48" s="110"/>
      <c r="G48" s="110"/>
      <c r="H48" s="110"/>
      <c r="I48" s="110"/>
      <c r="J48" s="110"/>
      <c r="K48" s="110"/>
      <c r="L48" s="110"/>
      <c r="M48" s="110"/>
      <c r="N48" s="110"/>
      <c r="O48" s="110"/>
      <c r="P48" s="110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1"/>
    </row>
    <row r="49" spans="1:39" ht="9.75" customHeight="1">
      <c r="A49" s="109"/>
      <c r="B49" s="110"/>
      <c r="C49" s="110"/>
      <c r="D49" s="110"/>
      <c r="E49" s="110"/>
      <c r="F49" s="110"/>
      <c r="G49" s="110"/>
      <c r="H49" s="110"/>
      <c r="I49" s="110"/>
      <c r="J49" s="110"/>
      <c r="K49" s="110"/>
      <c r="L49" s="110"/>
      <c r="M49" s="110"/>
      <c r="N49" s="110"/>
      <c r="O49" s="110"/>
      <c r="P49" s="110"/>
      <c r="Q49" s="110"/>
      <c r="R49" s="110"/>
      <c r="S49" s="110"/>
      <c r="T49" s="110"/>
      <c r="U49" s="110"/>
      <c r="V49" s="110"/>
      <c r="W49" s="110"/>
      <c r="X49" s="110"/>
      <c r="Y49" s="110"/>
      <c r="Z49" s="110"/>
      <c r="AA49" s="110"/>
      <c r="AB49" s="110"/>
      <c r="AC49" s="110"/>
      <c r="AD49" s="110"/>
      <c r="AE49" s="110"/>
      <c r="AF49" s="110"/>
      <c r="AG49" s="110"/>
      <c r="AH49" s="110"/>
      <c r="AI49" s="110"/>
      <c r="AJ49" s="110"/>
      <c r="AK49" s="110"/>
      <c r="AL49" s="110"/>
      <c r="AM49" s="111"/>
    </row>
    <row r="50" spans="1:39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1"/>
    </row>
    <row r="51" spans="1:39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1"/>
    </row>
    <row r="52" spans="1:39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1"/>
    </row>
    <row r="53" spans="1:39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1"/>
    </row>
    <row r="54" spans="1:39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1"/>
    </row>
    <row r="55" spans="1:39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1"/>
    </row>
    <row r="56" spans="1:39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1"/>
    </row>
    <row r="57" spans="1:39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1"/>
    </row>
    <row r="58" spans="1:39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1"/>
    </row>
    <row r="59" spans="1:39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1"/>
    </row>
    <row r="60" spans="1:39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1"/>
    </row>
    <row r="61" spans="1:39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1"/>
    </row>
    <row r="62" spans="1:39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1"/>
    </row>
    <row r="63" spans="1:39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1"/>
    </row>
    <row r="64" spans="1:39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1"/>
    </row>
    <row r="65" spans="1:39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1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39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C23:C25"/>
    <mergeCell ref="D23:D25"/>
    <mergeCell ref="E26:E28"/>
    <mergeCell ref="F26:F28"/>
    <mergeCell ref="E38:E40"/>
    <mergeCell ref="F38:F40"/>
    <mergeCell ref="A42:F42"/>
    <mergeCell ref="C29:C31"/>
    <mergeCell ref="D29:D31"/>
    <mergeCell ref="E32:E34"/>
    <mergeCell ref="F32:F34"/>
    <mergeCell ref="C35:C37"/>
    <mergeCell ref="D35:D37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2" max="84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337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233" t="s">
        <v>338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339</v>
      </c>
      <c r="I11" s="35"/>
      <c r="J11" s="36" t="s">
        <v>30</v>
      </c>
      <c r="K11" s="124" t="s">
        <v>30</v>
      </c>
      <c r="L11" s="35"/>
      <c r="M11" s="125" t="s">
        <v>30</v>
      </c>
      <c r="N11" s="37" t="s">
        <v>339</v>
      </c>
      <c r="O11" s="38"/>
      <c r="P11" s="186"/>
      <c r="Q11" s="234"/>
      <c r="R11" s="35"/>
      <c r="S11" s="38"/>
      <c r="T11" s="126" t="s">
        <v>340</v>
      </c>
      <c r="U11" s="38"/>
      <c r="V11" s="36" t="s">
        <v>30</v>
      </c>
      <c r="W11" s="37" t="s">
        <v>30</v>
      </c>
      <c r="X11" s="37" t="s">
        <v>30</v>
      </c>
      <c r="Y11" s="37" t="s">
        <v>341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78" t="s">
        <v>108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342</v>
      </c>
      <c r="I14" s="33"/>
      <c r="J14" s="59" t="s">
        <v>30</v>
      </c>
      <c r="K14" s="132" t="s">
        <v>30</v>
      </c>
      <c r="L14" s="33"/>
      <c r="M14" s="133" t="s">
        <v>30</v>
      </c>
      <c r="N14" s="60" t="s">
        <v>342</v>
      </c>
      <c r="O14" s="61"/>
      <c r="P14" s="61"/>
      <c r="Q14" s="34"/>
      <c r="R14" s="33"/>
      <c r="S14" s="61"/>
      <c r="T14" s="134" t="s">
        <v>343</v>
      </c>
      <c r="U14" s="61"/>
      <c r="V14" s="59" t="s">
        <v>30</v>
      </c>
      <c r="W14" s="60" t="s">
        <v>30</v>
      </c>
      <c r="X14" s="60" t="s">
        <v>30</v>
      </c>
      <c r="Y14" s="60" t="s">
        <v>344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89" t="s">
        <v>345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90"/>
      <c r="G17" s="33"/>
      <c r="H17" s="59" t="s">
        <v>346</v>
      </c>
      <c r="I17" s="33"/>
      <c r="J17" s="59" t="s">
        <v>30</v>
      </c>
      <c r="K17" s="132" t="s">
        <v>30</v>
      </c>
      <c r="L17" s="33"/>
      <c r="M17" s="133" t="s">
        <v>30</v>
      </c>
      <c r="N17" s="60" t="s">
        <v>346</v>
      </c>
      <c r="O17" s="61"/>
      <c r="P17" s="61"/>
      <c r="Q17" s="34"/>
      <c r="R17" s="33"/>
      <c r="S17" s="61"/>
      <c r="T17" s="134" t="s">
        <v>347</v>
      </c>
      <c r="U17" s="61"/>
      <c r="V17" s="59" t="s">
        <v>30</v>
      </c>
      <c r="W17" s="60" t="s">
        <v>30</v>
      </c>
      <c r="X17" s="60" t="s">
        <v>30</v>
      </c>
      <c r="Y17" s="60" t="s">
        <v>344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90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07</v>
      </c>
      <c r="Q19" s="178" t="s">
        <v>108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346</v>
      </c>
      <c r="T20" s="134" t="s">
        <v>347</v>
      </c>
      <c r="U20" s="61"/>
      <c r="V20" s="59" t="s">
        <v>30</v>
      </c>
      <c r="W20" s="60" t="s">
        <v>30</v>
      </c>
      <c r="X20" s="60" t="s">
        <v>30</v>
      </c>
      <c r="Y20" s="60" t="s">
        <v>344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33"/>
      <c r="D21" s="131"/>
      <c r="E21" s="33"/>
      <c r="F21" s="58"/>
      <c r="G21" s="33"/>
      <c r="H21" s="59"/>
      <c r="I21" s="33"/>
      <c r="J21" s="59"/>
      <c r="K21" s="132"/>
      <c r="L21" s="33"/>
      <c r="M21" s="133"/>
      <c r="N21" s="60"/>
      <c r="O21" s="61"/>
      <c r="P21" s="187"/>
      <c r="Q21" s="180"/>
      <c r="R21" s="33"/>
      <c r="S21" s="61"/>
      <c r="T21" s="134"/>
      <c r="U21" s="61"/>
      <c r="V21" s="59"/>
      <c r="W21" s="60"/>
      <c r="X21" s="60"/>
      <c r="Y21" s="60"/>
      <c r="Z21" s="135"/>
      <c r="AA21" s="27"/>
      <c r="AB21" s="27"/>
      <c r="AC21" s="27"/>
      <c r="AD21" s="28"/>
      <c r="AE21" s="29"/>
      <c r="AF21" s="29"/>
      <c r="AG21" s="29"/>
      <c r="AH21" s="27"/>
      <c r="AI21" s="27"/>
      <c r="AJ21" s="27"/>
      <c r="AK21" s="27"/>
      <c r="AL21" s="28"/>
      <c r="AM21" s="29"/>
      <c r="AN21" s="29"/>
      <c r="AO21" s="30"/>
    </row>
    <row r="22" spans="1:41" s="46" customFormat="1" ht="9.75" customHeight="1">
      <c r="A22" s="57"/>
      <c r="B22" s="141"/>
      <c r="C22" s="33"/>
      <c r="D22" s="34"/>
      <c r="E22" s="175" t="s">
        <v>36</v>
      </c>
      <c r="F22" s="178" t="s">
        <v>348</v>
      </c>
      <c r="G22" s="48"/>
      <c r="H22" s="50"/>
      <c r="I22" s="48"/>
      <c r="J22" s="50"/>
      <c r="K22" s="128"/>
      <c r="L22" s="48"/>
      <c r="M22" s="129"/>
      <c r="N22" s="51"/>
      <c r="O22" s="52"/>
      <c r="P22" s="52"/>
      <c r="Q22" s="76"/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41"/>
      <c r="C23" s="33"/>
      <c r="D23" s="141"/>
      <c r="E23" s="176"/>
      <c r="F23" s="179"/>
      <c r="G23" s="33"/>
      <c r="H23" s="59" t="s">
        <v>349</v>
      </c>
      <c r="I23" s="33"/>
      <c r="J23" s="59" t="s">
        <v>30</v>
      </c>
      <c r="K23" s="132" t="s">
        <v>30</v>
      </c>
      <c r="L23" s="33"/>
      <c r="M23" s="133" t="s">
        <v>30</v>
      </c>
      <c r="N23" s="60" t="s">
        <v>349</v>
      </c>
      <c r="O23" s="61"/>
      <c r="P23" s="61"/>
      <c r="Q23" s="58"/>
      <c r="R23" s="33"/>
      <c r="S23" s="61"/>
      <c r="T23" s="134" t="s">
        <v>349</v>
      </c>
      <c r="U23" s="61"/>
      <c r="V23" s="59" t="s">
        <v>30</v>
      </c>
      <c r="W23" s="60" t="s">
        <v>30</v>
      </c>
      <c r="X23" s="60" t="s">
        <v>30</v>
      </c>
      <c r="Y23" s="60" t="s">
        <v>30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41"/>
      <c r="C24" s="33"/>
      <c r="D24" s="141"/>
      <c r="E24" s="176"/>
      <c r="F24" s="179"/>
      <c r="G24" s="33"/>
      <c r="H24" s="59"/>
      <c r="I24" s="33"/>
      <c r="J24" s="59"/>
      <c r="K24" s="132"/>
      <c r="L24" s="33"/>
      <c r="M24" s="133"/>
      <c r="N24" s="60"/>
      <c r="O24" s="61"/>
      <c r="P24" s="61"/>
      <c r="Q24" s="58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141"/>
      <c r="E25" s="33"/>
      <c r="F25" s="34"/>
      <c r="G25" s="33"/>
      <c r="H25" s="59"/>
      <c r="I25" s="33"/>
      <c r="J25" s="59"/>
      <c r="K25" s="132"/>
      <c r="L25" s="33"/>
      <c r="M25" s="133"/>
      <c r="N25" s="60"/>
      <c r="O25" s="61"/>
      <c r="P25" s="185" t="s">
        <v>145</v>
      </c>
      <c r="Q25" s="188" t="s">
        <v>146</v>
      </c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41"/>
      <c r="E26" s="33"/>
      <c r="F26" s="34"/>
      <c r="G26" s="33"/>
      <c r="H26" s="59"/>
      <c r="I26" s="33"/>
      <c r="J26" s="59"/>
      <c r="K26" s="132"/>
      <c r="L26" s="33"/>
      <c r="M26" s="133"/>
      <c r="N26" s="60"/>
      <c r="O26" s="61"/>
      <c r="P26" s="186"/>
      <c r="Q26" s="179"/>
      <c r="R26" s="33"/>
      <c r="S26" s="61" t="s">
        <v>349</v>
      </c>
      <c r="T26" s="134" t="s">
        <v>349</v>
      </c>
      <c r="U26" s="61"/>
      <c r="V26" s="59" t="s">
        <v>30</v>
      </c>
      <c r="W26" s="60" t="s">
        <v>30</v>
      </c>
      <c r="X26" s="60" t="s">
        <v>30</v>
      </c>
      <c r="Y26" s="60" t="s">
        <v>30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64"/>
      <c r="D27" s="159"/>
      <c r="E27" s="64"/>
      <c r="F27" s="77"/>
      <c r="G27" s="64"/>
      <c r="H27" s="66"/>
      <c r="I27" s="64"/>
      <c r="J27" s="66"/>
      <c r="K27" s="137"/>
      <c r="L27" s="64"/>
      <c r="M27" s="138"/>
      <c r="N27" s="67"/>
      <c r="O27" s="68"/>
      <c r="P27" s="187"/>
      <c r="Q27" s="180"/>
      <c r="R27" s="64"/>
      <c r="S27" s="68"/>
      <c r="T27" s="139"/>
      <c r="U27" s="68"/>
      <c r="V27" s="66"/>
      <c r="W27" s="67"/>
      <c r="X27" s="67"/>
      <c r="Y27" s="67"/>
      <c r="Z27" s="140"/>
      <c r="AA27" s="71"/>
      <c r="AB27" s="71"/>
      <c r="AC27" s="71"/>
      <c r="AD27" s="72"/>
      <c r="AE27" s="73"/>
      <c r="AF27" s="73"/>
      <c r="AG27" s="73"/>
      <c r="AH27" s="71"/>
      <c r="AI27" s="71"/>
      <c r="AJ27" s="71"/>
      <c r="AK27" s="71"/>
      <c r="AL27" s="72"/>
      <c r="AM27" s="73"/>
      <c r="AN27" s="73"/>
      <c r="AO27" s="74"/>
    </row>
    <row r="28" spans="1:41" s="46" customFormat="1" ht="9.75" customHeight="1">
      <c r="A28" s="57"/>
      <c r="B28" s="34"/>
      <c r="C28" s="175" t="s">
        <v>36</v>
      </c>
      <c r="D28" s="178" t="s">
        <v>330</v>
      </c>
      <c r="E28" s="48"/>
      <c r="F28" s="49"/>
      <c r="G28" s="48"/>
      <c r="H28" s="50"/>
      <c r="I28" s="48"/>
      <c r="J28" s="50"/>
      <c r="K28" s="128"/>
      <c r="L28" s="48"/>
      <c r="M28" s="129"/>
      <c r="N28" s="51"/>
      <c r="O28" s="52"/>
      <c r="P28" s="52"/>
      <c r="Q28" s="76"/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41"/>
      <c r="C29" s="176"/>
      <c r="D29" s="179"/>
      <c r="E29" s="33"/>
      <c r="F29" s="34"/>
      <c r="G29" s="33"/>
      <c r="H29" s="59" t="s">
        <v>331</v>
      </c>
      <c r="I29" s="33"/>
      <c r="J29" s="59" t="s">
        <v>30</v>
      </c>
      <c r="K29" s="132" t="s">
        <v>30</v>
      </c>
      <c r="L29" s="33"/>
      <c r="M29" s="133" t="s">
        <v>30</v>
      </c>
      <c r="N29" s="60" t="s">
        <v>331</v>
      </c>
      <c r="O29" s="61"/>
      <c r="P29" s="61"/>
      <c r="Q29" s="58"/>
      <c r="R29" s="33"/>
      <c r="S29" s="61"/>
      <c r="T29" s="134" t="s">
        <v>350</v>
      </c>
      <c r="U29" s="61"/>
      <c r="V29" s="59" t="s">
        <v>30</v>
      </c>
      <c r="W29" s="60" t="s">
        <v>30</v>
      </c>
      <c r="X29" s="60" t="s">
        <v>30</v>
      </c>
      <c r="Y29" s="60" t="s">
        <v>351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41"/>
      <c r="C30" s="176"/>
      <c r="D30" s="179"/>
      <c r="E30" s="33"/>
      <c r="F30" s="34"/>
      <c r="G30" s="33"/>
      <c r="H30" s="59"/>
      <c r="I30" s="33"/>
      <c r="J30" s="59"/>
      <c r="K30" s="132"/>
      <c r="L30" s="33"/>
      <c r="M30" s="133"/>
      <c r="N30" s="60"/>
      <c r="O30" s="61"/>
      <c r="P30" s="61"/>
      <c r="Q30" s="58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34"/>
      <c r="E31" s="175" t="s">
        <v>21</v>
      </c>
      <c r="F31" s="178" t="s">
        <v>332</v>
      </c>
      <c r="G31" s="48"/>
      <c r="H31" s="50"/>
      <c r="I31" s="48"/>
      <c r="J31" s="50"/>
      <c r="K31" s="128"/>
      <c r="L31" s="48"/>
      <c r="M31" s="129"/>
      <c r="N31" s="51"/>
      <c r="O31" s="52"/>
      <c r="P31" s="52"/>
      <c r="Q31" s="76"/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41"/>
      <c r="E32" s="176"/>
      <c r="F32" s="179"/>
      <c r="G32" s="33"/>
      <c r="H32" s="59" t="s">
        <v>331</v>
      </c>
      <c r="I32" s="33"/>
      <c r="J32" s="59" t="s">
        <v>30</v>
      </c>
      <c r="K32" s="132" t="s">
        <v>30</v>
      </c>
      <c r="L32" s="33"/>
      <c r="M32" s="133" t="s">
        <v>30</v>
      </c>
      <c r="N32" s="60" t="s">
        <v>331</v>
      </c>
      <c r="O32" s="61"/>
      <c r="P32" s="61"/>
      <c r="Q32" s="34"/>
      <c r="R32" s="33"/>
      <c r="S32" s="61"/>
      <c r="T32" s="134" t="s">
        <v>350</v>
      </c>
      <c r="U32" s="61"/>
      <c r="V32" s="59" t="s">
        <v>30</v>
      </c>
      <c r="W32" s="60" t="s">
        <v>30</v>
      </c>
      <c r="X32" s="60" t="s">
        <v>30</v>
      </c>
      <c r="Y32" s="60" t="s">
        <v>351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33"/>
      <c r="D33" s="141"/>
      <c r="E33" s="176"/>
      <c r="F33" s="179"/>
      <c r="G33" s="33"/>
      <c r="H33" s="59"/>
      <c r="I33" s="33"/>
      <c r="J33" s="59"/>
      <c r="K33" s="132"/>
      <c r="L33" s="33"/>
      <c r="M33" s="133"/>
      <c r="N33" s="60"/>
      <c r="O33" s="61"/>
      <c r="P33" s="61"/>
      <c r="Q33" s="34"/>
      <c r="R33" s="33"/>
      <c r="S33" s="61"/>
      <c r="T33" s="134"/>
      <c r="U33" s="61"/>
      <c r="V33" s="59"/>
      <c r="W33" s="60"/>
      <c r="X33" s="60"/>
      <c r="Y33" s="60"/>
      <c r="Z33" s="135"/>
      <c r="AA33" s="27"/>
      <c r="AB33" s="27"/>
      <c r="AC33" s="27"/>
      <c r="AD33" s="28"/>
      <c r="AE33" s="29"/>
      <c r="AF33" s="29"/>
      <c r="AG33" s="29"/>
      <c r="AH33" s="27"/>
      <c r="AI33" s="27"/>
      <c r="AJ33" s="27"/>
      <c r="AK33" s="27"/>
      <c r="AL33" s="28"/>
      <c r="AM33" s="29"/>
      <c r="AN33" s="29"/>
      <c r="AO33" s="30"/>
    </row>
    <row r="34" spans="1:41" s="46" customFormat="1" ht="9.75" customHeight="1">
      <c r="A34" s="57"/>
      <c r="B34" s="131"/>
      <c r="C34" s="33"/>
      <c r="D34" s="131"/>
      <c r="E34" s="33"/>
      <c r="F34" s="34"/>
      <c r="G34" s="33"/>
      <c r="H34" s="59"/>
      <c r="I34" s="33"/>
      <c r="J34" s="59"/>
      <c r="K34" s="132"/>
      <c r="L34" s="33"/>
      <c r="M34" s="133"/>
      <c r="N34" s="60"/>
      <c r="O34" s="61"/>
      <c r="P34" s="185" t="s">
        <v>352</v>
      </c>
      <c r="Q34" s="178" t="s">
        <v>353</v>
      </c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31"/>
      <c r="C35" s="33"/>
      <c r="D35" s="131"/>
      <c r="E35" s="33"/>
      <c r="F35" s="34"/>
      <c r="G35" s="33"/>
      <c r="H35" s="59"/>
      <c r="I35" s="33"/>
      <c r="J35" s="59"/>
      <c r="K35" s="132"/>
      <c r="L35" s="33"/>
      <c r="M35" s="133"/>
      <c r="N35" s="60"/>
      <c r="O35" s="61"/>
      <c r="P35" s="186"/>
      <c r="Q35" s="179"/>
      <c r="R35" s="33"/>
      <c r="S35" s="61" t="s">
        <v>354</v>
      </c>
      <c r="T35" s="134" t="s">
        <v>355</v>
      </c>
      <c r="U35" s="61"/>
      <c r="V35" s="59" t="s">
        <v>30</v>
      </c>
      <c r="W35" s="60" t="s">
        <v>30</v>
      </c>
      <c r="X35" s="60" t="s">
        <v>30</v>
      </c>
      <c r="Y35" s="60" t="s">
        <v>356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31"/>
      <c r="C36" s="33"/>
      <c r="D36" s="131"/>
      <c r="E36" s="33"/>
      <c r="F36" s="34"/>
      <c r="G36" s="33"/>
      <c r="H36" s="59"/>
      <c r="I36" s="33"/>
      <c r="J36" s="59"/>
      <c r="K36" s="132"/>
      <c r="L36" s="33"/>
      <c r="M36" s="133"/>
      <c r="N36" s="60"/>
      <c r="O36" s="61"/>
      <c r="P36" s="187"/>
      <c r="Q36" s="180"/>
      <c r="R36" s="33"/>
      <c r="S36" s="61"/>
      <c r="T36" s="134"/>
      <c r="U36" s="61"/>
      <c r="V36" s="59"/>
      <c r="W36" s="60"/>
      <c r="X36" s="60"/>
      <c r="Y36" s="60"/>
      <c r="Z36" s="135"/>
      <c r="AA36" s="27"/>
      <c r="AB36" s="27"/>
      <c r="AC36" s="27"/>
      <c r="AD36" s="28"/>
      <c r="AE36" s="29"/>
      <c r="AF36" s="29"/>
      <c r="AG36" s="29"/>
      <c r="AH36" s="27"/>
      <c r="AI36" s="27"/>
      <c r="AJ36" s="27"/>
      <c r="AK36" s="27"/>
      <c r="AL36" s="28"/>
      <c r="AM36" s="29"/>
      <c r="AN36" s="29"/>
      <c r="AO36" s="30"/>
    </row>
    <row r="37" spans="1:41" s="46" customFormat="1" ht="9.75" customHeight="1">
      <c r="A37" s="57"/>
      <c r="B37" s="131"/>
      <c r="C37" s="33"/>
      <c r="D37" s="131"/>
      <c r="E37" s="33"/>
      <c r="F37" s="58"/>
      <c r="G37" s="33"/>
      <c r="H37" s="59"/>
      <c r="I37" s="33"/>
      <c r="J37" s="59"/>
      <c r="K37" s="132"/>
      <c r="L37" s="33"/>
      <c r="M37" s="133"/>
      <c r="N37" s="60"/>
      <c r="O37" s="61"/>
      <c r="P37" s="185" t="s">
        <v>302</v>
      </c>
      <c r="Q37" s="178" t="s">
        <v>303</v>
      </c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31"/>
      <c r="C38" s="33"/>
      <c r="D38" s="131"/>
      <c r="E38" s="33"/>
      <c r="F38" s="58"/>
      <c r="G38" s="33"/>
      <c r="H38" s="59"/>
      <c r="I38" s="33"/>
      <c r="J38" s="59"/>
      <c r="K38" s="132"/>
      <c r="L38" s="33"/>
      <c r="M38" s="133"/>
      <c r="N38" s="60"/>
      <c r="O38" s="61"/>
      <c r="P38" s="186"/>
      <c r="Q38" s="179"/>
      <c r="R38" s="33"/>
      <c r="S38" s="61" t="s">
        <v>357</v>
      </c>
      <c r="T38" s="134" t="s">
        <v>30</v>
      </c>
      <c r="U38" s="61"/>
      <c r="V38" s="59" t="s">
        <v>30</v>
      </c>
      <c r="W38" s="60" t="s">
        <v>30</v>
      </c>
      <c r="X38" s="60" t="s">
        <v>30</v>
      </c>
      <c r="Y38" s="60" t="s">
        <v>357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31"/>
      <c r="C39" s="33"/>
      <c r="D39" s="131"/>
      <c r="E39" s="33"/>
      <c r="F39" s="58"/>
      <c r="G39" s="33"/>
      <c r="H39" s="59"/>
      <c r="I39" s="33"/>
      <c r="J39" s="59"/>
      <c r="K39" s="132"/>
      <c r="L39" s="33"/>
      <c r="M39" s="133"/>
      <c r="N39" s="60"/>
      <c r="O39" s="61"/>
      <c r="P39" s="187"/>
      <c r="Q39" s="180"/>
      <c r="R39" s="33"/>
      <c r="S39" s="61"/>
      <c r="T39" s="134"/>
      <c r="U39" s="61"/>
      <c r="V39" s="59"/>
      <c r="W39" s="60"/>
      <c r="X39" s="60"/>
      <c r="Y39" s="60"/>
      <c r="Z39" s="135"/>
      <c r="AA39" s="27"/>
      <c r="AB39" s="27"/>
      <c r="AC39" s="27"/>
      <c r="AD39" s="28"/>
      <c r="AE39" s="29"/>
      <c r="AF39" s="29"/>
      <c r="AG39" s="29"/>
      <c r="AH39" s="27"/>
      <c r="AI39" s="27"/>
      <c r="AJ39" s="27"/>
      <c r="AK39" s="27"/>
      <c r="AL39" s="28"/>
      <c r="AM39" s="29"/>
      <c r="AN39" s="29"/>
      <c r="AO39" s="30"/>
    </row>
    <row r="40" spans="1:41" s="46" customFormat="1" ht="9.75" customHeight="1">
      <c r="A40" s="57"/>
      <c r="B40" s="131"/>
      <c r="C40" s="33"/>
      <c r="D40" s="131"/>
      <c r="E40" s="33"/>
      <c r="F40" s="58"/>
      <c r="G40" s="33"/>
      <c r="H40" s="59"/>
      <c r="I40" s="33"/>
      <c r="J40" s="59"/>
      <c r="K40" s="132"/>
      <c r="L40" s="33"/>
      <c r="M40" s="133"/>
      <c r="N40" s="60"/>
      <c r="O40" s="61"/>
      <c r="P40" s="185" t="s">
        <v>89</v>
      </c>
      <c r="Q40" s="178" t="s">
        <v>90</v>
      </c>
      <c r="R40" s="48"/>
      <c r="S40" s="52"/>
      <c r="T40" s="130"/>
      <c r="U40" s="52"/>
      <c r="V40" s="50"/>
      <c r="W40" s="51"/>
      <c r="X40" s="51"/>
      <c r="Y40" s="51"/>
      <c r="Z40" s="122" t="s">
        <v>3</v>
      </c>
      <c r="AA40" s="55"/>
      <c r="AB40" s="55"/>
      <c r="AC40" s="55"/>
      <c r="AD40" s="56"/>
      <c r="AE40" s="19"/>
      <c r="AF40" s="19"/>
      <c r="AG40" s="19"/>
      <c r="AH40" s="55"/>
      <c r="AI40" s="55"/>
      <c r="AJ40" s="55"/>
      <c r="AK40" s="55"/>
      <c r="AL40" s="56"/>
      <c r="AM40" s="19"/>
      <c r="AN40" s="19"/>
      <c r="AO40" s="26"/>
    </row>
    <row r="41" spans="1:41" s="46" customFormat="1" ht="9.75" customHeight="1">
      <c r="A41" s="57"/>
      <c r="B41" s="131"/>
      <c r="C41" s="33"/>
      <c r="D41" s="131"/>
      <c r="E41" s="33"/>
      <c r="F41" s="58"/>
      <c r="G41" s="33"/>
      <c r="H41" s="59"/>
      <c r="I41" s="33"/>
      <c r="J41" s="59"/>
      <c r="K41" s="132"/>
      <c r="L41" s="33"/>
      <c r="M41" s="133"/>
      <c r="N41" s="60"/>
      <c r="O41" s="61"/>
      <c r="P41" s="186"/>
      <c r="Q41" s="179"/>
      <c r="R41" s="33"/>
      <c r="S41" s="61" t="s">
        <v>358</v>
      </c>
      <c r="T41" s="134" t="s">
        <v>359</v>
      </c>
      <c r="U41" s="61"/>
      <c r="V41" s="59" t="s">
        <v>30</v>
      </c>
      <c r="W41" s="60" t="s">
        <v>30</v>
      </c>
      <c r="X41" s="60" t="s">
        <v>30</v>
      </c>
      <c r="Y41" s="60" t="s">
        <v>360</v>
      </c>
      <c r="Z41" s="135"/>
      <c r="AA41" s="27"/>
      <c r="AB41" s="27"/>
      <c r="AC41" s="27"/>
      <c r="AD41" s="28"/>
      <c r="AE41" s="29"/>
      <c r="AF41" s="29"/>
      <c r="AG41" s="29"/>
      <c r="AH41" s="27"/>
      <c r="AI41" s="27"/>
      <c r="AJ41" s="27"/>
      <c r="AK41" s="27"/>
      <c r="AL41" s="28"/>
      <c r="AM41" s="29"/>
      <c r="AN41" s="29"/>
      <c r="AO41" s="30"/>
    </row>
    <row r="42" spans="1:41" s="46" customFormat="1" ht="9.75" customHeight="1">
      <c r="A42" s="57"/>
      <c r="B42" s="131"/>
      <c r="C42" s="64"/>
      <c r="D42" s="136"/>
      <c r="E42" s="64"/>
      <c r="F42" s="65"/>
      <c r="G42" s="64"/>
      <c r="H42" s="66"/>
      <c r="I42" s="64"/>
      <c r="J42" s="66"/>
      <c r="K42" s="137"/>
      <c r="L42" s="64"/>
      <c r="M42" s="138"/>
      <c r="N42" s="67"/>
      <c r="O42" s="68"/>
      <c r="P42" s="187"/>
      <c r="Q42" s="180"/>
      <c r="R42" s="64"/>
      <c r="S42" s="68"/>
      <c r="T42" s="139"/>
      <c r="U42" s="68"/>
      <c r="V42" s="66"/>
      <c r="W42" s="67"/>
      <c r="X42" s="67"/>
      <c r="Y42" s="67"/>
      <c r="Z42" s="140"/>
      <c r="AA42" s="71"/>
      <c r="AB42" s="71"/>
      <c r="AC42" s="71"/>
      <c r="AD42" s="72"/>
      <c r="AE42" s="73"/>
      <c r="AF42" s="73"/>
      <c r="AG42" s="73"/>
      <c r="AH42" s="71"/>
      <c r="AI42" s="71"/>
      <c r="AJ42" s="71"/>
      <c r="AK42" s="71"/>
      <c r="AL42" s="72"/>
      <c r="AM42" s="73"/>
      <c r="AN42" s="73"/>
      <c r="AO42" s="74"/>
    </row>
    <row r="43" spans="1:41" s="46" customFormat="1" ht="9.75" customHeight="1">
      <c r="A43" s="57"/>
      <c r="B43" s="34"/>
      <c r="C43" s="175" t="s">
        <v>52</v>
      </c>
      <c r="D43" s="178" t="s">
        <v>125</v>
      </c>
      <c r="E43" s="48"/>
      <c r="F43" s="49"/>
      <c r="G43" s="48"/>
      <c r="H43" s="50"/>
      <c r="I43" s="48"/>
      <c r="J43" s="50"/>
      <c r="K43" s="128"/>
      <c r="L43" s="48"/>
      <c r="M43" s="129"/>
      <c r="N43" s="51"/>
      <c r="O43" s="52"/>
      <c r="P43" s="52"/>
      <c r="Q43" s="76"/>
      <c r="R43" s="48"/>
      <c r="S43" s="52"/>
      <c r="T43" s="130"/>
      <c r="U43" s="52"/>
      <c r="V43" s="50"/>
      <c r="W43" s="51"/>
      <c r="X43" s="51"/>
      <c r="Y43" s="51"/>
      <c r="Z43" s="122" t="s">
        <v>3</v>
      </c>
      <c r="AA43" s="55"/>
      <c r="AB43" s="55"/>
      <c r="AC43" s="55"/>
      <c r="AD43" s="56"/>
      <c r="AE43" s="19"/>
      <c r="AF43" s="19"/>
      <c r="AG43" s="19"/>
      <c r="AH43" s="55"/>
      <c r="AI43" s="55"/>
      <c r="AJ43" s="55"/>
      <c r="AK43" s="55"/>
      <c r="AL43" s="56"/>
      <c r="AM43" s="19"/>
      <c r="AN43" s="19"/>
      <c r="AO43" s="26"/>
    </row>
    <row r="44" spans="1:41" s="46" customFormat="1" ht="9.75" customHeight="1">
      <c r="A44" s="57"/>
      <c r="B44" s="141"/>
      <c r="C44" s="176"/>
      <c r="D44" s="179"/>
      <c r="E44" s="33"/>
      <c r="F44" s="34"/>
      <c r="G44" s="33"/>
      <c r="H44" s="59" t="s">
        <v>361</v>
      </c>
      <c r="I44" s="33"/>
      <c r="J44" s="59" t="s">
        <v>30</v>
      </c>
      <c r="K44" s="132" t="s">
        <v>30</v>
      </c>
      <c r="L44" s="33"/>
      <c r="M44" s="133" t="s">
        <v>30</v>
      </c>
      <c r="N44" s="60" t="s">
        <v>361</v>
      </c>
      <c r="O44" s="61"/>
      <c r="P44" s="61"/>
      <c r="Q44" s="58"/>
      <c r="R44" s="33"/>
      <c r="S44" s="61"/>
      <c r="T44" s="134" t="s">
        <v>361</v>
      </c>
      <c r="U44" s="61"/>
      <c r="V44" s="59" t="s">
        <v>30</v>
      </c>
      <c r="W44" s="60" t="s">
        <v>30</v>
      </c>
      <c r="X44" s="60" t="s">
        <v>30</v>
      </c>
      <c r="Y44" s="60" t="s">
        <v>30</v>
      </c>
      <c r="Z44" s="135"/>
      <c r="AA44" s="27"/>
      <c r="AB44" s="27"/>
      <c r="AC44" s="27"/>
      <c r="AD44" s="28"/>
      <c r="AE44" s="29"/>
      <c r="AF44" s="29"/>
      <c r="AG44" s="29"/>
      <c r="AH44" s="27"/>
      <c r="AI44" s="27"/>
      <c r="AJ44" s="27"/>
      <c r="AK44" s="27"/>
      <c r="AL44" s="28"/>
      <c r="AM44" s="29"/>
      <c r="AN44" s="29"/>
      <c r="AO44" s="30"/>
    </row>
    <row r="45" spans="1:41" s="46" customFormat="1" ht="9.75" customHeight="1">
      <c r="A45" s="57"/>
      <c r="B45" s="141"/>
      <c r="C45" s="176"/>
      <c r="D45" s="179"/>
      <c r="E45" s="33"/>
      <c r="F45" s="34"/>
      <c r="G45" s="33"/>
      <c r="H45" s="59"/>
      <c r="I45" s="33"/>
      <c r="J45" s="59"/>
      <c r="K45" s="132"/>
      <c r="L45" s="33"/>
      <c r="M45" s="133"/>
      <c r="N45" s="60"/>
      <c r="O45" s="61"/>
      <c r="P45" s="61"/>
      <c r="Q45" s="58"/>
      <c r="R45" s="33"/>
      <c r="S45" s="61"/>
      <c r="T45" s="134"/>
      <c r="U45" s="61"/>
      <c r="V45" s="59"/>
      <c r="W45" s="60"/>
      <c r="X45" s="60"/>
      <c r="Y45" s="60"/>
      <c r="Z45" s="135"/>
      <c r="AA45" s="27"/>
      <c r="AB45" s="27"/>
      <c r="AC45" s="27"/>
      <c r="AD45" s="28"/>
      <c r="AE45" s="29"/>
      <c r="AF45" s="29"/>
      <c r="AG45" s="29"/>
      <c r="AH45" s="27"/>
      <c r="AI45" s="27"/>
      <c r="AJ45" s="27"/>
      <c r="AK45" s="27"/>
      <c r="AL45" s="28"/>
      <c r="AM45" s="29"/>
      <c r="AN45" s="29"/>
      <c r="AO45" s="30"/>
    </row>
    <row r="46" spans="1:41" s="46" customFormat="1" ht="9.75" customHeight="1">
      <c r="A46" s="57"/>
      <c r="B46" s="131"/>
      <c r="C46" s="33"/>
      <c r="D46" s="34"/>
      <c r="E46" s="175" t="s">
        <v>21</v>
      </c>
      <c r="F46" s="188" t="s">
        <v>226</v>
      </c>
      <c r="G46" s="48"/>
      <c r="H46" s="50"/>
      <c r="I46" s="48"/>
      <c r="J46" s="50"/>
      <c r="K46" s="128"/>
      <c r="L46" s="48"/>
      <c r="M46" s="129"/>
      <c r="N46" s="51"/>
      <c r="O46" s="52"/>
      <c r="P46" s="52"/>
      <c r="Q46" s="76"/>
      <c r="R46" s="48"/>
      <c r="S46" s="52"/>
      <c r="T46" s="130"/>
      <c r="U46" s="52"/>
      <c r="V46" s="50"/>
      <c r="W46" s="51"/>
      <c r="X46" s="51"/>
      <c r="Y46" s="51"/>
      <c r="Z46" s="122" t="s">
        <v>3</v>
      </c>
      <c r="AA46" s="55"/>
      <c r="AB46" s="55"/>
      <c r="AC46" s="55"/>
      <c r="AD46" s="56"/>
      <c r="AE46" s="19"/>
      <c r="AF46" s="19"/>
      <c r="AG46" s="19"/>
      <c r="AH46" s="55"/>
      <c r="AI46" s="55"/>
      <c r="AJ46" s="55"/>
      <c r="AK46" s="55"/>
      <c r="AL46" s="56"/>
      <c r="AM46" s="19"/>
      <c r="AN46" s="19"/>
      <c r="AO46" s="26"/>
    </row>
    <row r="47" spans="1:41" s="46" customFormat="1" ht="9.75" customHeight="1">
      <c r="A47" s="57"/>
      <c r="B47" s="131"/>
      <c r="C47" s="33"/>
      <c r="D47" s="141"/>
      <c r="E47" s="176"/>
      <c r="F47" s="179"/>
      <c r="G47" s="33"/>
      <c r="H47" s="59" t="s">
        <v>361</v>
      </c>
      <c r="I47" s="33"/>
      <c r="J47" s="59" t="s">
        <v>30</v>
      </c>
      <c r="K47" s="132" t="s">
        <v>30</v>
      </c>
      <c r="L47" s="33"/>
      <c r="M47" s="133" t="s">
        <v>30</v>
      </c>
      <c r="N47" s="60" t="s">
        <v>361</v>
      </c>
      <c r="O47" s="61"/>
      <c r="P47" s="61"/>
      <c r="Q47" s="34"/>
      <c r="R47" s="33"/>
      <c r="S47" s="61"/>
      <c r="T47" s="134" t="s">
        <v>361</v>
      </c>
      <c r="U47" s="61"/>
      <c r="V47" s="59" t="s">
        <v>30</v>
      </c>
      <c r="W47" s="60" t="s">
        <v>30</v>
      </c>
      <c r="X47" s="60" t="s">
        <v>30</v>
      </c>
      <c r="Y47" s="60" t="s">
        <v>30</v>
      </c>
      <c r="Z47" s="135"/>
      <c r="AA47" s="27"/>
      <c r="AB47" s="27"/>
      <c r="AC47" s="27"/>
      <c r="AD47" s="28"/>
      <c r="AE47" s="29"/>
      <c r="AF47" s="29"/>
      <c r="AG47" s="29"/>
      <c r="AH47" s="27"/>
      <c r="AI47" s="27"/>
      <c r="AJ47" s="27"/>
      <c r="AK47" s="27"/>
      <c r="AL47" s="28"/>
      <c r="AM47" s="29"/>
      <c r="AN47" s="29"/>
      <c r="AO47" s="30"/>
    </row>
    <row r="48" spans="1:41" s="46" customFormat="1" ht="9.75" customHeight="1">
      <c r="A48" s="57"/>
      <c r="B48" s="131"/>
      <c r="C48" s="33"/>
      <c r="D48" s="141"/>
      <c r="E48" s="176"/>
      <c r="F48" s="179"/>
      <c r="G48" s="33"/>
      <c r="H48" s="59"/>
      <c r="I48" s="33"/>
      <c r="J48" s="59"/>
      <c r="K48" s="132"/>
      <c r="L48" s="33"/>
      <c r="M48" s="133"/>
      <c r="N48" s="60"/>
      <c r="O48" s="61"/>
      <c r="P48" s="61"/>
      <c r="Q48" s="34"/>
      <c r="R48" s="33"/>
      <c r="S48" s="61"/>
      <c r="T48" s="134"/>
      <c r="U48" s="61"/>
      <c r="V48" s="59"/>
      <c r="W48" s="60"/>
      <c r="X48" s="60"/>
      <c r="Y48" s="60"/>
      <c r="Z48" s="135"/>
      <c r="AA48" s="27"/>
      <c r="AB48" s="27"/>
      <c r="AC48" s="27"/>
      <c r="AD48" s="28"/>
      <c r="AE48" s="29"/>
      <c r="AF48" s="29"/>
      <c r="AG48" s="29"/>
      <c r="AH48" s="27"/>
      <c r="AI48" s="27"/>
      <c r="AJ48" s="27"/>
      <c r="AK48" s="27"/>
      <c r="AL48" s="28"/>
      <c r="AM48" s="29"/>
      <c r="AN48" s="29"/>
      <c r="AO48" s="30"/>
    </row>
    <row r="49" spans="1:41" s="46" customFormat="1" ht="9.75" customHeight="1">
      <c r="A49" s="57"/>
      <c r="B49" s="131"/>
      <c r="C49" s="33"/>
      <c r="D49" s="131"/>
      <c r="E49" s="33"/>
      <c r="F49" s="34"/>
      <c r="G49" s="33"/>
      <c r="H49" s="59"/>
      <c r="I49" s="33"/>
      <c r="J49" s="59"/>
      <c r="K49" s="132"/>
      <c r="L49" s="33"/>
      <c r="M49" s="133"/>
      <c r="N49" s="60"/>
      <c r="O49" s="61"/>
      <c r="P49" s="185" t="s">
        <v>124</v>
      </c>
      <c r="Q49" s="178" t="s">
        <v>125</v>
      </c>
      <c r="R49" s="48"/>
      <c r="S49" s="52"/>
      <c r="T49" s="130"/>
      <c r="U49" s="52"/>
      <c r="V49" s="50"/>
      <c r="W49" s="51"/>
      <c r="X49" s="51"/>
      <c r="Y49" s="51"/>
      <c r="Z49" s="122" t="s">
        <v>3</v>
      </c>
      <c r="AA49" s="55"/>
      <c r="AB49" s="55"/>
      <c r="AC49" s="55"/>
      <c r="AD49" s="56"/>
      <c r="AE49" s="19"/>
      <c r="AF49" s="19"/>
      <c r="AG49" s="19"/>
      <c r="AH49" s="55"/>
      <c r="AI49" s="55"/>
      <c r="AJ49" s="55"/>
      <c r="AK49" s="55"/>
      <c r="AL49" s="56"/>
      <c r="AM49" s="19"/>
      <c r="AN49" s="19"/>
      <c r="AO49" s="26"/>
    </row>
    <row r="50" spans="1:41" s="46" customFormat="1" ht="9.75" customHeight="1">
      <c r="A50" s="57"/>
      <c r="B50" s="131"/>
      <c r="C50" s="33"/>
      <c r="D50" s="131"/>
      <c r="E50" s="33"/>
      <c r="F50" s="34"/>
      <c r="G50" s="33"/>
      <c r="H50" s="59"/>
      <c r="I50" s="33"/>
      <c r="J50" s="59"/>
      <c r="K50" s="132"/>
      <c r="L50" s="33"/>
      <c r="M50" s="133"/>
      <c r="N50" s="60"/>
      <c r="O50" s="61"/>
      <c r="P50" s="186"/>
      <c r="Q50" s="179"/>
      <c r="R50" s="33"/>
      <c r="S50" s="61" t="s">
        <v>361</v>
      </c>
      <c r="T50" s="134" t="s">
        <v>361</v>
      </c>
      <c r="U50" s="61"/>
      <c r="V50" s="59" t="s">
        <v>30</v>
      </c>
      <c r="W50" s="60" t="s">
        <v>30</v>
      </c>
      <c r="X50" s="60" t="s">
        <v>30</v>
      </c>
      <c r="Y50" s="60" t="s">
        <v>30</v>
      </c>
      <c r="Z50" s="135"/>
      <c r="AA50" s="27"/>
      <c r="AB50" s="27"/>
      <c r="AC50" s="27"/>
      <c r="AD50" s="28"/>
      <c r="AE50" s="29"/>
      <c r="AF50" s="29"/>
      <c r="AG50" s="29"/>
      <c r="AH50" s="27"/>
      <c r="AI50" s="27"/>
      <c r="AJ50" s="27"/>
      <c r="AK50" s="27"/>
      <c r="AL50" s="28"/>
      <c r="AM50" s="29"/>
      <c r="AN50" s="29"/>
      <c r="AO50" s="30"/>
    </row>
    <row r="51" spans="1:41" s="46" customFormat="1" ht="9.75" customHeight="1">
      <c r="A51" s="57"/>
      <c r="B51" s="131"/>
      <c r="C51" s="64"/>
      <c r="D51" s="136"/>
      <c r="E51" s="64"/>
      <c r="F51" s="77"/>
      <c r="G51" s="64"/>
      <c r="H51" s="66"/>
      <c r="I51" s="64"/>
      <c r="J51" s="66"/>
      <c r="K51" s="137"/>
      <c r="L51" s="64"/>
      <c r="M51" s="138"/>
      <c r="N51" s="67"/>
      <c r="O51" s="68"/>
      <c r="P51" s="187"/>
      <c r="Q51" s="180"/>
      <c r="R51" s="64"/>
      <c r="S51" s="68"/>
      <c r="T51" s="139"/>
      <c r="U51" s="68"/>
      <c r="V51" s="66"/>
      <c r="W51" s="67"/>
      <c r="X51" s="67"/>
      <c r="Y51" s="67"/>
      <c r="Z51" s="140"/>
      <c r="AA51" s="71"/>
      <c r="AB51" s="71"/>
      <c r="AC51" s="71"/>
      <c r="AD51" s="72"/>
      <c r="AE51" s="73"/>
      <c r="AF51" s="73"/>
      <c r="AG51" s="73"/>
      <c r="AH51" s="71"/>
      <c r="AI51" s="71"/>
      <c r="AJ51" s="71"/>
      <c r="AK51" s="71"/>
      <c r="AL51" s="72"/>
      <c r="AM51" s="73"/>
      <c r="AN51" s="73"/>
      <c r="AO51" s="74"/>
    </row>
    <row r="52" spans="1:41" s="46" customFormat="1" ht="9.75" customHeight="1">
      <c r="A52" s="57"/>
      <c r="B52" s="34"/>
      <c r="C52" s="175" t="s">
        <v>57</v>
      </c>
      <c r="D52" s="178" t="s">
        <v>335</v>
      </c>
      <c r="E52" s="48"/>
      <c r="F52" s="49"/>
      <c r="G52" s="48"/>
      <c r="H52" s="50"/>
      <c r="I52" s="48"/>
      <c r="J52" s="50"/>
      <c r="K52" s="128"/>
      <c r="L52" s="48"/>
      <c r="M52" s="129"/>
      <c r="N52" s="51"/>
      <c r="O52" s="52"/>
      <c r="P52" s="52"/>
      <c r="Q52" s="76"/>
      <c r="R52" s="48"/>
      <c r="S52" s="52"/>
      <c r="T52" s="130"/>
      <c r="U52" s="52"/>
      <c r="V52" s="50"/>
      <c r="W52" s="51"/>
      <c r="X52" s="51"/>
      <c r="Y52" s="51"/>
      <c r="Z52" s="122" t="s">
        <v>3</v>
      </c>
      <c r="AA52" s="55"/>
      <c r="AB52" s="55"/>
      <c r="AC52" s="55"/>
      <c r="AD52" s="56"/>
      <c r="AE52" s="19"/>
      <c r="AF52" s="19"/>
      <c r="AG52" s="19"/>
      <c r="AH52" s="55"/>
      <c r="AI52" s="55"/>
      <c r="AJ52" s="55"/>
      <c r="AK52" s="55"/>
      <c r="AL52" s="56"/>
      <c r="AM52" s="19"/>
      <c r="AN52" s="19"/>
      <c r="AO52" s="26"/>
    </row>
    <row r="53" spans="1:41" s="46" customFormat="1" ht="9.75" customHeight="1">
      <c r="A53" s="57"/>
      <c r="B53" s="141"/>
      <c r="C53" s="176"/>
      <c r="D53" s="179"/>
      <c r="E53" s="33"/>
      <c r="F53" s="34"/>
      <c r="G53" s="33"/>
      <c r="H53" s="59" t="s">
        <v>362</v>
      </c>
      <c r="I53" s="33"/>
      <c r="J53" s="59" t="s">
        <v>30</v>
      </c>
      <c r="K53" s="132" t="s">
        <v>30</v>
      </c>
      <c r="L53" s="33"/>
      <c r="M53" s="133" t="s">
        <v>30</v>
      </c>
      <c r="N53" s="60" t="s">
        <v>362</v>
      </c>
      <c r="O53" s="61"/>
      <c r="P53" s="61"/>
      <c r="Q53" s="58"/>
      <c r="R53" s="33"/>
      <c r="S53" s="61"/>
      <c r="T53" s="134" t="s">
        <v>30</v>
      </c>
      <c r="U53" s="61"/>
      <c r="V53" s="59" t="s">
        <v>30</v>
      </c>
      <c r="W53" s="60" t="s">
        <v>30</v>
      </c>
      <c r="X53" s="60" t="s">
        <v>30</v>
      </c>
      <c r="Y53" s="60" t="s">
        <v>362</v>
      </c>
      <c r="Z53" s="135"/>
      <c r="AA53" s="27"/>
      <c r="AB53" s="27"/>
      <c r="AC53" s="27"/>
      <c r="AD53" s="28"/>
      <c r="AE53" s="29"/>
      <c r="AF53" s="29"/>
      <c r="AG53" s="29"/>
      <c r="AH53" s="27"/>
      <c r="AI53" s="27"/>
      <c r="AJ53" s="27"/>
      <c r="AK53" s="27"/>
      <c r="AL53" s="28"/>
      <c r="AM53" s="29"/>
      <c r="AN53" s="29"/>
      <c r="AO53" s="30"/>
    </row>
    <row r="54" spans="1:41" s="46" customFormat="1" ht="9.75" customHeight="1">
      <c r="A54" s="57"/>
      <c r="B54" s="141"/>
      <c r="C54" s="176"/>
      <c r="D54" s="179"/>
      <c r="E54" s="33"/>
      <c r="F54" s="34"/>
      <c r="G54" s="33"/>
      <c r="H54" s="59"/>
      <c r="I54" s="33"/>
      <c r="J54" s="59"/>
      <c r="K54" s="132"/>
      <c r="L54" s="33"/>
      <c r="M54" s="133"/>
      <c r="N54" s="60"/>
      <c r="O54" s="61"/>
      <c r="P54" s="61"/>
      <c r="Q54" s="58"/>
      <c r="R54" s="33"/>
      <c r="S54" s="61"/>
      <c r="T54" s="134"/>
      <c r="U54" s="61"/>
      <c r="V54" s="59"/>
      <c r="W54" s="60"/>
      <c r="X54" s="60"/>
      <c r="Y54" s="60"/>
      <c r="Z54" s="135"/>
      <c r="AA54" s="27"/>
      <c r="AB54" s="27"/>
      <c r="AC54" s="27"/>
      <c r="AD54" s="28"/>
      <c r="AE54" s="29"/>
      <c r="AF54" s="29"/>
      <c r="AG54" s="29"/>
      <c r="AH54" s="27"/>
      <c r="AI54" s="27"/>
      <c r="AJ54" s="27"/>
      <c r="AK54" s="27"/>
      <c r="AL54" s="28"/>
      <c r="AM54" s="29"/>
      <c r="AN54" s="29"/>
      <c r="AO54" s="30"/>
    </row>
    <row r="55" spans="1:41" s="46" customFormat="1" ht="9.75" customHeight="1">
      <c r="A55" s="57"/>
      <c r="B55" s="131"/>
      <c r="C55" s="33"/>
      <c r="D55" s="34"/>
      <c r="E55" s="175" t="s">
        <v>21</v>
      </c>
      <c r="F55" s="178" t="s">
        <v>335</v>
      </c>
      <c r="G55" s="48"/>
      <c r="H55" s="50"/>
      <c r="I55" s="48"/>
      <c r="J55" s="50"/>
      <c r="K55" s="128"/>
      <c r="L55" s="48"/>
      <c r="M55" s="129"/>
      <c r="N55" s="51"/>
      <c r="O55" s="52"/>
      <c r="P55" s="52"/>
      <c r="Q55" s="76"/>
      <c r="R55" s="48"/>
      <c r="S55" s="52"/>
      <c r="T55" s="130"/>
      <c r="U55" s="52"/>
      <c r="V55" s="50"/>
      <c r="W55" s="51"/>
      <c r="X55" s="51"/>
      <c r="Y55" s="51"/>
      <c r="Z55" s="122" t="s">
        <v>3</v>
      </c>
      <c r="AA55" s="55"/>
      <c r="AB55" s="55"/>
      <c r="AC55" s="55"/>
      <c r="AD55" s="56"/>
      <c r="AE55" s="19"/>
      <c r="AF55" s="19"/>
      <c r="AG55" s="19"/>
      <c r="AH55" s="55"/>
      <c r="AI55" s="55"/>
      <c r="AJ55" s="55"/>
      <c r="AK55" s="55"/>
      <c r="AL55" s="56"/>
      <c r="AM55" s="19"/>
      <c r="AN55" s="19"/>
      <c r="AO55" s="26"/>
    </row>
    <row r="56" spans="1:41" s="46" customFormat="1" ht="9.75" customHeight="1">
      <c r="A56" s="57"/>
      <c r="B56" s="131"/>
      <c r="C56" s="33"/>
      <c r="D56" s="141"/>
      <c r="E56" s="176"/>
      <c r="F56" s="179"/>
      <c r="G56" s="33"/>
      <c r="H56" s="59" t="s">
        <v>362</v>
      </c>
      <c r="I56" s="33"/>
      <c r="J56" s="59" t="s">
        <v>30</v>
      </c>
      <c r="K56" s="132" t="s">
        <v>30</v>
      </c>
      <c r="L56" s="33"/>
      <c r="M56" s="133" t="s">
        <v>30</v>
      </c>
      <c r="N56" s="60" t="s">
        <v>362</v>
      </c>
      <c r="O56" s="61"/>
      <c r="P56" s="61"/>
      <c r="Q56" s="34"/>
      <c r="R56" s="33"/>
      <c r="S56" s="61"/>
      <c r="T56" s="134" t="s">
        <v>30</v>
      </c>
      <c r="U56" s="61"/>
      <c r="V56" s="59" t="s">
        <v>30</v>
      </c>
      <c r="W56" s="60" t="s">
        <v>30</v>
      </c>
      <c r="X56" s="60" t="s">
        <v>30</v>
      </c>
      <c r="Y56" s="60" t="s">
        <v>362</v>
      </c>
      <c r="Z56" s="135"/>
      <c r="AA56" s="27"/>
      <c r="AB56" s="27"/>
      <c r="AC56" s="27"/>
      <c r="AD56" s="28"/>
      <c r="AE56" s="29"/>
      <c r="AF56" s="29"/>
      <c r="AG56" s="29"/>
      <c r="AH56" s="27"/>
      <c r="AI56" s="27"/>
      <c r="AJ56" s="27"/>
      <c r="AK56" s="27"/>
      <c r="AL56" s="28"/>
      <c r="AM56" s="29"/>
      <c r="AN56" s="29"/>
      <c r="AO56" s="30"/>
    </row>
    <row r="57" spans="1:41" s="46" customFormat="1" ht="9.75" customHeight="1">
      <c r="A57" s="57"/>
      <c r="B57" s="131"/>
      <c r="C57" s="33"/>
      <c r="D57" s="141"/>
      <c r="E57" s="177"/>
      <c r="F57" s="180"/>
      <c r="G57" s="33"/>
      <c r="H57" s="59"/>
      <c r="I57" s="33"/>
      <c r="J57" s="59"/>
      <c r="K57" s="132"/>
      <c r="L57" s="33"/>
      <c r="M57" s="133"/>
      <c r="N57" s="60"/>
      <c r="O57" s="61"/>
      <c r="P57" s="61"/>
      <c r="Q57" s="34"/>
      <c r="R57" s="33"/>
      <c r="S57" s="61"/>
      <c r="T57" s="134"/>
      <c r="U57" s="61"/>
      <c r="V57" s="59"/>
      <c r="W57" s="60"/>
      <c r="X57" s="60"/>
      <c r="Y57" s="60"/>
      <c r="Z57" s="135"/>
      <c r="AA57" s="27"/>
      <c r="AB57" s="27"/>
      <c r="AC57" s="27"/>
      <c r="AD57" s="28"/>
      <c r="AE57" s="29"/>
      <c r="AF57" s="29"/>
      <c r="AG57" s="29"/>
      <c r="AH57" s="27"/>
      <c r="AI57" s="27"/>
      <c r="AJ57" s="27"/>
      <c r="AK57" s="27"/>
      <c r="AL57" s="28"/>
      <c r="AM57" s="29"/>
      <c r="AN57" s="29"/>
      <c r="AO57" s="30"/>
    </row>
    <row r="58" spans="1:41" s="46" customFormat="1" ht="9.75" customHeight="1">
      <c r="A58" s="80"/>
      <c r="B58" s="142"/>
      <c r="C58" s="52"/>
      <c r="D58" s="142"/>
      <c r="E58" s="52"/>
      <c r="F58" s="76"/>
      <c r="G58" s="82"/>
      <c r="H58" s="83"/>
      <c r="I58" s="82"/>
      <c r="J58" s="83"/>
      <c r="K58" s="143"/>
      <c r="L58" s="82"/>
      <c r="M58" s="144"/>
      <c r="N58" s="84"/>
      <c r="O58" s="85"/>
      <c r="P58" s="85"/>
      <c r="Q58" s="86"/>
      <c r="R58" s="82"/>
      <c r="S58" s="85"/>
      <c r="T58" s="145"/>
      <c r="U58" s="85"/>
      <c r="V58" s="83"/>
      <c r="W58" s="84"/>
      <c r="X58" s="84"/>
      <c r="Y58" s="84"/>
      <c r="Z58" s="146" t="s">
        <v>3</v>
      </c>
      <c r="AA58" s="89"/>
      <c r="AB58" s="89"/>
      <c r="AC58" s="89"/>
      <c r="AD58" s="90"/>
      <c r="AE58" s="91"/>
      <c r="AF58" s="91"/>
      <c r="AG58" s="91"/>
      <c r="AH58" s="89"/>
      <c r="AI58" s="89"/>
      <c r="AJ58" s="89"/>
      <c r="AK58" s="89"/>
      <c r="AL58" s="90"/>
      <c r="AM58" s="91"/>
      <c r="AN58" s="91"/>
      <c r="AO58" s="92"/>
    </row>
    <row r="59" spans="1:41" s="46" customFormat="1" ht="9.75" customHeight="1">
      <c r="A59" s="181" t="s">
        <v>129</v>
      </c>
      <c r="B59" s="182"/>
      <c r="C59" s="183"/>
      <c r="D59" s="183"/>
      <c r="E59" s="183"/>
      <c r="F59" s="184"/>
      <c r="G59" s="230" t="s">
        <v>339</v>
      </c>
      <c r="H59" s="231"/>
      <c r="I59" s="35"/>
      <c r="J59" s="36" t="s">
        <v>30</v>
      </c>
      <c r="K59" s="37" t="s">
        <v>30</v>
      </c>
      <c r="L59" s="35"/>
      <c r="M59" s="36" t="s">
        <v>30</v>
      </c>
      <c r="N59" s="124" t="s">
        <v>339</v>
      </c>
      <c r="O59" s="147"/>
      <c r="P59" s="38"/>
      <c r="Q59" s="39"/>
      <c r="R59" s="35"/>
      <c r="S59" s="38"/>
      <c r="T59" s="148" t="s">
        <v>340</v>
      </c>
      <c r="U59" s="38"/>
      <c r="V59" s="36" t="s">
        <v>30</v>
      </c>
      <c r="W59" s="37" t="s">
        <v>30</v>
      </c>
      <c r="X59" s="36" t="s">
        <v>30</v>
      </c>
      <c r="Y59" s="37" t="s">
        <v>341</v>
      </c>
      <c r="Z59" s="149"/>
      <c r="AA59" s="43"/>
      <c r="AB59" s="43"/>
      <c r="AC59" s="43"/>
      <c r="AD59" s="43"/>
      <c r="AE59" s="44"/>
      <c r="AF59" s="44"/>
      <c r="AG59" s="44"/>
      <c r="AH59" s="42"/>
      <c r="AI59" s="42"/>
      <c r="AJ59" s="42"/>
      <c r="AK59" s="42"/>
      <c r="AL59" s="43"/>
      <c r="AM59" s="43"/>
      <c r="AN59" s="43"/>
      <c r="AO59" s="45"/>
    </row>
    <row r="60" spans="1:41" s="46" customFormat="1" ht="9.75" customHeight="1">
      <c r="A60" s="93"/>
      <c r="B60" s="150"/>
      <c r="C60" s="98"/>
      <c r="D60" s="150"/>
      <c r="E60" s="98"/>
      <c r="F60" s="99"/>
      <c r="G60" s="95"/>
      <c r="H60" s="96"/>
      <c r="I60" s="95"/>
      <c r="J60" s="96"/>
      <c r="K60" s="151"/>
      <c r="L60" s="95"/>
      <c r="M60" s="152"/>
      <c r="N60" s="97"/>
      <c r="O60" s="98"/>
      <c r="P60" s="98"/>
      <c r="Q60" s="99"/>
      <c r="R60" s="95"/>
      <c r="S60" s="98"/>
      <c r="T60" s="153"/>
      <c r="U60" s="98"/>
      <c r="V60" s="96"/>
      <c r="W60" s="97"/>
      <c r="X60" s="97"/>
      <c r="Y60" s="97"/>
      <c r="Z60" s="154"/>
      <c r="AA60" s="102"/>
      <c r="AB60" s="102"/>
      <c r="AC60" s="102"/>
      <c r="AD60" s="103"/>
      <c r="AE60" s="104"/>
      <c r="AF60" s="104"/>
      <c r="AG60" s="104"/>
      <c r="AH60" s="102"/>
      <c r="AI60" s="102"/>
      <c r="AJ60" s="102"/>
      <c r="AK60" s="102"/>
      <c r="AL60" s="103"/>
      <c r="AM60" s="104"/>
      <c r="AN60" s="104"/>
      <c r="AO60" s="155"/>
    </row>
    <row r="61" spans="1:41" ht="9.75" customHeight="1">
      <c r="A61" s="105"/>
      <c r="B61" s="106"/>
      <c r="C61" s="106"/>
      <c r="D61" s="106"/>
      <c r="E61" s="106"/>
      <c r="F61" s="106"/>
      <c r="G61" s="106"/>
      <c r="H61" s="106"/>
      <c r="I61" s="106"/>
      <c r="J61" s="106"/>
      <c r="K61" s="106"/>
      <c r="L61" s="106"/>
      <c r="M61" s="106"/>
      <c r="N61" s="106"/>
      <c r="O61" s="106"/>
      <c r="P61" s="106"/>
      <c r="Q61" s="106"/>
      <c r="R61" s="106"/>
      <c r="S61" s="106"/>
      <c r="T61" s="106"/>
      <c r="U61" s="106"/>
      <c r="V61" s="106"/>
      <c r="W61" s="106"/>
      <c r="X61" s="106"/>
      <c r="Y61" s="106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8"/>
    </row>
    <row r="62" spans="1:41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0"/>
      <c r="AN62" s="110"/>
      <c r="AO62" s="111"/>
    </row>
    <row r="63" spans="1:41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0"/>
      <c r="AN63" s="110"/>
      <c r="AO63" s="111"/>
    </row>
    <row r="64" spans="1:41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0"/>
      <c r="AN64" s="110"/>
      <c r="AO64" s="111"/>
    </row>
    <row r="65" spans="1:41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0"/>
      <c r="AN65" s="110"/>
      <c r="AO65" s="111"/>
    </row>
    <row r="66" spans="1:41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1"/>
    </row>
    <row r="67" spans="1:41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0"/>
      <c r="AN67" s="110"/>
      <c r="AO67" s="111"/>
    </row>
    <row r="68" spans="1:41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1"/>
    </row>
    <row r="69" spans="1:41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0"/>
      <c r="AN69" s="110"/>
      <c r="AO69" s="111"/>
    </row>
    <row r="70" spans="1:41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0"/>
      <c r="AN70" s="110"/>
      <c r="AO70" s="111"/>
    </row>
    <row r="71" spans="1:41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1"/>
    </row>
    <row r="72" spans="1:41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1"/>
    </row>
    <row r="73" spans="1:41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0"/>
      <c r="AN73" s="110"/>
      <c r="AO73" s="111"/>
    </row>
    <row r="74" spans="1:41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0"/>
      <c r="AN74" s="110"/>
      <c r="AO74" s="111"/>
    </row>
    <row r="75" spans="1:41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1"/>
    </row>
    <row r="76" spans="1:41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0"/>
      <c r="AN76" s="110"/>
      <c r="AO76" s="111"/>
    </row>
    <row r="77" spans="1:41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0"/>
      <c r="AN77" s="110"/>
      <c r="AO77" s="111"/>
    </row>
    <row r="78" spans="1:41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0"/>
      <c r="AN78" s="110"/>
      <c r="AO78" s="111"/>
    </row>
    <row r="79" spans="1:41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1"/>
    </row>
    <row r="80" spans="1:41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1"/>
    </row>
    <row r="81" spans="1:41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0"/>
      <c r="AN81" s="110"/>
      <c r="AO81" s="111"/>
    </row>
    <row r="82" spans="1:41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0"/>
      <c r="AN82" s="110"/>
      <c r="AO82" s="111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55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E22:E24"/>
    <mergeCell ref="F22:F24"/>
    <mergeCell ref="P25:P27"/>
    <mergeCell ref="Q25:Q27"/>
    <mergeCell ref="C28:C30"/>
    <mergeCell ref="D28:D30"/>
    <mergeCell ref="E31:E33"/>
    <mergeCell ref="F31:F33"/>
    <mergeCell ref="P49:P51"/>
    <mergeCell ref="Q49:Q51"/>
    <mergeCell ref="P34:P36"/>
    <mergeCell ref="Q34:Q36"/>
    <mergeCell ref="P37:P39"/>
    <mergeCell ref="Q37:Q39"/>
    <mergeCell ref="P40:P42"/>
    <mergeCell ref="Q40:Q42"/>
    <mergeCell ref="G59:H59"/>
    <mergeCell ref="C43:C45"/>
    <mergeCell ref="D43:D45"/>
    <mergeCell ref="E46:E48"/>
    <mergeCell ref="F46:F48"/>
    <mergeCell ref="C52:C54"/>
    <mergeCell ref="D52:D54"/>
    <mergeCell ref="E55:E57"/>
    <mergeCell ref="F55:F57"/>
    <mergeCell ref="A59:F59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370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371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257" t="s">
        <v>372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2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 t="s">
        <v>373</v>
      </c>
    </row>
    <row r="12" spans="1:41" s="46" customFormat="1" ht="9.75" customHeight="1">
      <c r="A12" s="193"/>
      <c r="B12" s="190"/>
      <c r="C12" s="33"/>
      <c r="D12" s="34"/>
      <c r="E12" s="33"/>
      <c r="F12" s="34"/>
      <c r="G12" s="35"/>
      <c r="H12" s="36" t="s">
        <v>374</v>
      </c>
      <c r="I12" s="35" t="s">
        <v>133</v>
      </c>
      <c r="J12" s="36" t="s">
        <v>375</v>
      </c>
      <c r="K12" s="37" t="s">
        <v>376</v>
      </c>
      <c r="L12" s="37" t="s">
        <v>377</v>
      </c>
      <c r="M12" s="38"/>
      <c r="N12" s="38"/>
      <c r="O12" s="39"/>
      <c r="P12" s="35"/>
      <c r="Q12" s="36"/>
      <c r="R12" s="35" t="s">
        <v>378</v>
      </c>
      <c r="S12" s="40"/>
      <c r="T12" s="41" t="s">
        <v>378</v>
      </c>
      <c r="U12" s="36" t="s">
        <v>30</v>
      </c>
      <c r="V12" s="35"/>
      <c r="W12" s="36" t="s">
        <v>30</v>
      </c>
      <c r="X12" s="42" t="s">
        <v>379</v>
      </c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 t="s">
        <v>380</v>
      </c>
    </row>
    <row r="13" spans="1:41" s="46" customFormat="1" ht="9.75" customHeight="1">
      <c r="A13" s="193"/>
      <c r="B13" s="190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78" t="s">
        <v>179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381</v>
      </c>
      <c r="I15" s="33"/>
      <c r="J15" s="59" t="s">
        <v>30</v>
      </c>
      <c r="K15" s="60" t="s">
        <v>30</v>
      </c>
      <c r="L15" s="60" t="s">
        <v>381</v>
      </c>
      <c r="M15" s="61"/>
      <c r="N15" s="61"/>
      <c r="O15" s="34"/>
      <c r="P15" s="33"/>
      <c r="Q15" s="59"/>
      <c r="R15" s="33" t="s">
        <v>382</v>
      </c>
      <c r="S15" s="62"/>
      <c r="T15" s="63" t="s">
        <v>382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183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381</v>
      </c>
      <c r="I18" s="33"/>
      <c r="J18" s="59" t="s">
        <v>30</v>
      </c>
      <c r="K18" s="60" t="s">
        <v>30</v>
      </c>
      <c r="L18" s="60" t="s">
        <v>381</v>
      </c>
      <c r="M18" s="61"/>
      <c r="N18" s="61"/>
      <c r="O18" s="34"/>
      <c r="P18" s="33"/>
      <c r="Q18" s="59"/>
      <c r="R18" s="33" t="s">
        <v>382</v>
      </c>
      <c r="S18" s="62"/>
      <c r="T18" s="63" t="s">
        <v>382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78" t="s">
        <v>184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381</v>
      </c>
      <c r="R21" s="33" t="s">
        <v>382</v>
      </c>
      <c r="S21" s="62"/>
      <c r="T21" s="63" t="s">
        <v>382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80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47"/>
      <c r="B23" s="75"/>
      <c r="C23" s="175" t="s">
        <v>36</v>
      </c>
      <c r="D23" s="178" t="s">
        <v>383</v>
      </c>
      <c r="E23" s="48"/>
      <c r="F23" s="49"/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176"/>
      <c r="D24" s="179"/>
      <c r="E24" s="33"/>
      <c r="F24" s="34"/>
      <c r="G24" s="33"/>
      <c r="H24" s="59" t="s">
        <v>384</v>
      </c>
      <c r="I24" s="33"/>
      <c r="J24" s="59" t="s">
        <v>385</v>
      </c>
      <c r="K24" s="60" t="s">
        <v>30</v>
      </c>
      <c r="L24" s="60" t="s">
        <v>386</v>
      </c>
      <c r="M24" s="61"/>
      <c r="N24" s="61"/>
      <c r="O24" s="58"/>
      <c r="P24" s="33"/>
      <c r="Q24" s="59"/>
      <c r="R24" s="33" t="s">
        <v>387</v>
      </c>
      <c r="S24" s="62"/>
      <c r="T24" s="63" t="s">
        <v>387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176"/>
      <c r="D25" s="179"/>
      <c r="E25" s="33"/>
      <c r="F25" s="34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175" t="s">
        <v>21</v>
      </c>
      <c r="F26" s="178" t="s">
        <v>383</v>
      </c>
      <c r="G26" s="48"/>
      <c r="H26" s="50"/>
      <c r="I26" s="48"/>
      <c r="J26" s="50"/>
      <c r="K26" s="51"/>
      <c r="L26" s="51"/>
      <c r="M26" s="52"/>
      <c r="N26" s="52"/>
      <c r="O26" s="49"/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176"/>
      <c r="F27" s="179"/>
      <c r="G27" s="33"/>
      <c r="H27" s="59" t="s">
        <v>384</v>
      </c>
      <c r="I27" s="33"/>
      <c r="J27" s="59" t="s">
        <v>385</v>
      </c>
      <c r="K27" s="60" t="s">
        <v>30</v>
      </c>
      <c r="L27" s="60" t="s">
        <v>386</v>
      </c>
      <c r="M27" s="61"/>
      <c r="N27" s="61"/>
      <c r="O27" s="34"/>
      <c r="P27" s="33"/>
      <c r="Q27" s="59"/>
      <c r="R27" s="33" t="s">
        <v>387</v>
      </c>
      <c r="S27" s="62"/>
      <c r="T27" s="63" t="s">
        <v>387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33"/>
      <c r="D28" s="34"/>
      <c r="E28" s="176"/>
      <c r="F28" s="179"/>
      <c r="G28" s="33"/>
      <c r="H28" s="59"/>
      <c r="I28" s="33"/>
      <c r="J28" s="59"/>
      <c r="K28" s="60"/>
      <c r="L28" s="60"/>
      <c r="M28" s="61"/>
      <c r="N28" s="61"/>
      <c r="O28" s="34"/>
      <c r="P28" s="33"/>
      <c r="Q28" s="59"/>
      <c r="R28" s="33"/>
      <c r="S28" s="62"/>
      <c r="T28" s="63"/>
      <c r="U28" s="59"/>
      <c r="V28" s="33"/>
      <c r="W28" s="59"/>
      <c r="X28" s="27"/>
      <c r="Y28" s="27"/>
      <c r="Z28" s="27"/>
      <c r="AA28" s="27"/>
      <c r="AB28" s="28"/>
      <c r="AC28" s="28"/>
      <c r="AD28" s="28"/>
      <c r="AE28" s="28"/>
      <c r="AF28" s="28"/>
      <c r="AG28" s="28"/>
      <c r="AH28" s="28"/>
      <c r="AI28" s="28"/>
      <c r="AJ28" s="28"/>
      <c r="AK28" s="29"/>
      <c r="AL28" s="29"/>
      <c r="AM28" s="30"/>
    </row>
    <row r="29" spans="1:39" s="46" customFormat="1" ht="9.75" customHeight="1">
      <c r="A29" s="57"/>
      <c r="B29" s="58"/>
      <c r="C29" s="33"/>
      <c r="D29" s="58"/>
      <c r="E29" s="33"/>
      <c r="F29" s="34"/>
      <c r="G29" s="33"/>
      <c r="H29" s="59"/>
      <c r="I29" s="33"/>
      <c r="J29" s="59"/>
      <c r="K29" s="60"/>
      <c r="L29" s="60"/>
      <c r="M29" s="61"/>
      <c r="N29" s="185" t="s">
        <v>21</v>
      </c>
      <c r="O29" s="189" t="s">
        <v>388</v>
      </c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57"/>
      <c r="B30" s="58"/>
      <c r="C30" s="33"/>
      <c r="D30" s="58"/>
      <c r="E30" s="33"/>
      <c r="F30" s="34"/>
      <c r="G30" s="33"/>
      <c r="H30" s="59"/>
      <c r="I30" s="33"/>
      <c r="J30" s="59"/>
      <c r="K30" s="60"/>
      <c r="L30" s="60"/>
      <c r="M30" s="61"/>
      <c r="N30" s="186"/>
      <c r="O30" s="190"/>
      <c r="P30" s="33"/>
      <c r="Q30" s="59" t="s">
        <v>386</v>
      </c>
      <c r="R30" s="33" t="s">
        <v>387</v>
      </c>
      <c r="S30" s="62"/>
      <c r="T30" s="63" t="s">
        <v>387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57"/>
      <c r="B31" s="58"/>
      <c r="C31" s="64"/>
      <c r="D31" s="65"/>
      <c r="E31" s="64"/>
      <c r="F31" s="77"/>
      <c r="G31" s="64"/>
      <c r="H31" s="66"/>
      <c r="I31" s="64"/>
      <c r="J31" s="66"/>
      <c r="K31" s="67"/>
      <c r="L31" s="67"/>
      <c r="M31" s="68"/>
      <c r="N31" s="187"/>
      <c r="O31" s="191"/>
      <c r="P31" s="64"/>
      <c r="Q31" s="66"/>
      <c r="R31" s="64"/>
      <c r="S31" s="69"/>
      <c r="T31" s="70"/>
      <c r="U31" s="66"/>
      <c r="V31" s="64"/>
      <c r="W31" s="66"/>
      <c r="X31" s="71"/>
      <c r="Y31" s="71"/>
      <c r="Z31" s="71"/>
      <c r="AA31" s="71"/>
      <c r="AB31" s="72"/>
      <c r="AC31" s="72"/>
      <c r="AD31" s="72"/>
      <c r="AE31" s="72"/>
      <c r="AF31" s="72"/>
      <c r="AG31" s="72"/>
      <c r="AH31" s="72"/>
      <c r="AI31" s="72"/>
      <c r="AJ31" s="72"/>
      <c r="AK31" s="73"/>
      <c r="AL31" s="73"/>
      <c r="AM31" s="74"/>
    </row>
    <row r="32" spans="1:39" s="46" customFormat="1" ht="9.75" customHeight="1">
      <c r="A32" s="47"/>
      <c r="B32" s="75"/>
      <c r="C32" s="175" t="s">
        <v>52</v>
      </c>
      <c r="D32" s="178" t="s">
        <v>37</v>
      </c>
      <c r="E32" s="48"/>
      <c r="F32" s="49"/>
      <c r="G32" s="48"/>
      <c r="H32" s="50"/>
      <c r="I32" s="48"/>
      <c r="J32" s="50"/>
      <c r="K32" s="51"/>
      <c r="L32" s="51"/>
      <c r="M32" s="52"/>
      <c r="N32" s="52"/>
      <c r="O32" s="76"/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47"/>
      <c r="B33" s="75"/>
      <c r="C33" s="176"/>
      <c r="D33" s="179"/>
      <c r="E33" s="33"/>
      <c r="F33" s="34"/>
      <c r="G33" s="33"/>
      <c r="H33" s="59" t="s">
        <v>389</v>
      </c>
      <c r="I33" s="33" t="s">
        <v>133</v>
      </c>
      <c r="J33" s="59" t="s">
        <v>390</v>
      </c>
      <c r="K33" s="60" t="s">
        <v>30</v>
      </c>
      <c r="L33" s="60" t="s">
        <v>391</v>
      </c>
      <c r="M33" s="61"/>
      <c r="N33" s="61"/>
      <c r="O33" s="58"/>
      <c r="P33" s="33"/>
      <c r="Q33" s="59"/>
      <c r="R33" s="33" t="s">
        <v>392</v>
      </c>
      <c r="S33" s="62"/>
      <c r="T33" s="63" t="s">
        <v>392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47"/>
      <c r="B34" s="75"/>
      <c r="C34" s="176"/>
      <c r="D34" s="179"/>
      <c r="E34" s="33"/>
      <c r="F34" s="34"/>
      <c r="G34" s="33"/>
      <c r="H34" s="59"/>
      <c r="I34" s="33"/>
      <c r="J34" s="59"/>
      <c r="K34" s="60"/>
      <c r="L34" s="60"/>
      <c r="M34" s="61"/>
      <c r="N34" s="61"/>
      <c r="O34" s="58"/>
      <c r="P34" s="33"/>
      <c r="Q34" s="59"/>
      <c r="R34" s="33"/>
      <c r="S34" s="62"/>
      <c r="T34" s="63"/>
      <c r="U34" s="59"/>
      <c r="V34" s="33"/>
      <c r="W34" s="59"/>
      <c r="X34" s="27"/>
      <c r="Y34" s="27"/>
      <c r="Z34" s="27"/>
      <c r="AA34" s="27"/>
      <c r="AB34" s="28"/>
      <c r="AC34" s="28"/>
      <c r="AD34" s="28"/>
      <c r="AE34" s="28"/>
      <c r="AF34" s="28"/>
      <c r="AG34" s="28"/>
      <c r="AH34" s="28"/>
      <c r="AI34" s="28"/>
      <c r="AJ34" s="28"/>
      <c r="AK34" s="29"/>
      <c r="AL34" s="29"/>
      <c r="AM34" s="30"/>
    </row>
    <row r="35" spans="1:39" s="46" customFormat="1" ht="9.75" customHeight="1">
      <c r="A35" s="47"/>
      <c r="B35" s="39"/>
      <c r="C35" s="33"/>
      <c r="D35" s="34"/>
      <c r="E35" s="175" t="s">
        <v>21</v>
      </c>
      <c r="F35" s="188" t="s">
        <v>393</v>
      </c>
      <c r="G35" s="48"/>
      <c r="H35" s="50"/>
      <c r="I35" s="48"/>
      <c r="J35" s="50"/>
      <c r="K35" s="51"/>
      <c r="L35" s="51"/>
      <c r="M35" s="52"/>
      <c r="N35" s="52"/>
      <c r="O35" s="49"/>
      <c r="P35" s="48"/>
      <c r="Q35" s="50"/>
      <c r="R35" s="48"/>
      <c r="S35" s="53"/>
      <c r="T35" s="54"/>
      <c r="U35" s="50"/>
      <c r="V35" s="48"/>
      <c r="W35" s="50"/>
      <c r="X35" s="55" t="s">
        <v>3</v>
      </c>
      <c r="Y35" s="55"/>
      <c r="Z35" s="55"/>
      <c r="AA35" s="55"/>
      <c r="AB35" s="56"/>
      <c r="AC35" s="56"/>
      <c r="AD35" s="56"/>
      <c r="AE35" s="56"/>
      <c r="AF35" s="56"/>
      <c r="AG35" s="56"/>
      <c r="AH35" s="56"/>
      <c r="AI35" s="56"/>
      <c r="AJ35" s="56"/>
      <c r="AK35" s="19"/>
      <c r="AL35" s="19"/>
      <c r="AM35" s="26"/>
    </row>
    <row r="36" spans="1:39" s="46" customFormat="1" ht="9.75" customHeight="1">
      <c r="A36" s="57"/>
      <c r="B36" s="58"/>
      <c r="C36" s="33"/>
      <c r="D36" s="34"/>
      <c r="E36" s="176"/>
      <c r="F36" s="179"/>
      <c r="G36" s="33"/>
      <c r="H36" s="59" t="s">
        <v>394</v>
      </c>
      <c r="I36" s="33"/>
      <c r="J36" s="59" t="s">
        <v>395</v>
      </c>
      <c r="K36" s="60" t="s">
        <v>30</v>
      </c>
      <c r="L36" s="60" t="s">
        <v>396</v>
      </c>
      <c r="M36" s="61"/>
      <c r="N36" s="61"/>
      <c r="O36" s="34"/>
      <c r="P36" s="33"/>
      <c r="Q36" s="59"/>
      <c r="R36" s="33" t="s">
        <v>396</v>
      </c>
      <c r="S36" s="62"/>
      <c r="T36" s="63" t="s">
        <v>396</v>
      </c>
      <c r="U36" s="59" t="s">
        <v>30</v>
      </c>
      <c r="V36" s="33"/>
      <c r="W36" s="59" t="s">
        <v>30</v>
      </c>
      <c r="X36" s="27"/>
      <c r="Y36" s="27"/>
      <c r="Z36" s="27"/>
      <c r="AA36" s="27"/>
      <c r="AB36" s="28"/>
      <c r="AC36" s="28"/>
      <c r="AD36" s="28"/>
      <c r="AE36" s="28"/>
      <c r="AF36" s="28"/>
      <c r="AG36" s="28"/>
      <c r="AH36" s="28"/>
      <c r="AI36" s="28"/>
      <c r="AJ36" s="28"/>
      <c r="AK36" s="29"/>
      <c r="AL36" s="29"/>
      <c r="AM36" s="30"/>
    </row>
    <row r="37" spans="1:39" s="46" customFormat="1" ht="9.75" customHeight="1">
      <c r="A37" s="57"/>
      <c r="B37" s="58"/>
      <c r="C37" s="33"/>
      <c r="D37" s="34"/>
      <c r="E37" s="177"/>
      <c r="F37" s="180"/>
      <c r="G37" s="33"/>
      <c r="H37" s="59"/>
      <c r="I37" s="33"/>
      <c r="J37" s="59"/>
      <c r="K37" s="60"/>
      <c r="L37" s="60"/>
      <c r="M37" s="61"/>
      <c r="N37" s="61"/>
      <c r="O37" s="34"/>
      <c r="P37" s="33"/>
      <c r="Q37" s="59"/>
      <c r="R37" s="33"/>
      <c r="S37" s="62"/>
      <c r="T37" s="63"/>
      <c r="U37" s="59"/>
      <c r="V37" s="33"/>
      <c r="W37" s="59"/>
      <c r="X37" s="27"/>
      <c r="Y37" s="27"/>
      <c r="Z37" s="27"/>
      <c r="AA37" s="27"/>
      <c r="AB37" s="28"/>
      <c r="AC37" s="28"/>
      <c r="AD37" s="28"/>
      <c r="AE37" s="28"/>
      <c r="AF37" s="28"/>
      <c r="AG37" s="28"/>
      <c r="AH37" s="28"/>
      <c r="AI37" s="28"/>
      <c r="AJ37" s="28"/>
      <c r="AK37" s="29"/>
      <c r="AL37" s="29"/>
      <c r="AM37" s="30"/>
    </row>
    <row r="38" spans="1:39" s="46" customFormat="1" ht="9.75" customHeight="1">
      <c r="A38" s="47"/>
      <c r="B38" s="75"/>
      <c r="C38" s="33"/>
      <c r="D38" s="34"/>
      <c r="E38" s="175" t="s">
        <v>36</v>
      </c>
      <c r="F38" s="178" t="s">
        <v>205</v>
      </c>
      <c r="G38" s="48"/>
      <c r="H38" s="50"/>
      <c r="I38" s="48"/>
      <c r="J38" s="50"/>
      <c r="K38" s="51"/>
      <c r="L38" s="51"/>
      <c r="M38" s="52"/>
      <c r="N38" s="52"/>
      <c r="O38" s="76"/>
      <c r="P38" s="48"/>
      <c r="Q38" s="50"/>
      <c r="R38" s="48"/>
      <c r="S38" s="53"/>
      <c r="T38" s="54"/>
      <c r="U38" s="50"/>
      <c r="V38" s="48"/>
      <c r="W38" s="50"/>
      <c r="X38" s="55" t="s">
        <v>3</v>
      </c>
      <c r="Y38" s="55"/>
      <c r="Z38" s="55"/>
      <c r="AA38" s="55"/>
      <c r="AB38" s="56"/>
      <c r="AC38" s="56"/>
      <c r="AD38" s="56"/>
      <c r="AE38" s="56"/>
      <c r="AF38" s="56"/>
      <c r="AG38" s="56"/>
      <c r="AH38" s="56"/>
      <c r="AI38" s="56"/>
      <c r="AJ38" s="56"/>
      <c r="AK38" s="19"/>
      <c r="AL38" s="19"/>
      <c r="AM38" s="26"/>
    </row>
    <row r="39" spans="1:39" s="46" customFormat="1" ht="9.75" customHeight="1">
      <c r="A39" s="47"/>
      <c r="B39" s="75"/>
      <c r="C39" s="33"/>
      <c r="D39" s="34"/>
      <c r="E39" s="176"/>
      <c r="F39" s="179"/>
      <c r="G39" s="33"/>
      <c r="H39" s="59" t="s">
        <v>397</v>
      </c>
      <c r="I39" s="33" t="s">
        <v>133</v>
      </c>
      <c r="J39" s="59" t="s">
        <v>398</v>
      </c>
      <c r="K39" s="60" t="s">
        <v>30</v>
      </c>
      <c r="L39" s="60" t="s">
        <v>399</v>
      </c>
      <c r="M39" s="61"/>
      <c r="N39" s="61"/>
      <c r="O39" s="58"/>
      <c r="P39" s="33"/>
      <c r="Q39" s="59"/>
      <c r="R39" s="33" t="s">
        <v>400</v>
      </c>
      <c r="S39" s="62"/>
      <c r="T39" s="63" t="s">
        <v>400</v>
      </c>
      <c r="U39" s="59" t="s">
        <v>30</v>
      </c>
      <c r="V39" s="33"/>
      <c r="W39" s="59" t="s">
        <v>30</v>
      </c>
      <c r="X39" s="27"/>
      <c r="Y39" s="27"/>
      <c r="Z39" s="27"/>
      <c r="AA39" s="27"/>
      <c r="AB39" s="28"/>
      <c r="AC39" s="28"/>
      <c r="AD39" s="28"/>
      <c r="AE39" s="28"/>
      <c r="AF39" s="28"/>
      <c r="AG39" s="28"/>
      <c r="AH39" s="28"/>
      <c r="AI39" s="28"/>
      <c r="AJ39" s="28"/>
      <c r="AK39" s="29"/>
      <c r="AL39" s="29"/>
      <c r="AM39" s="30"/>
    </row>
    <row r="40" spans="1:39" s="46" customFormat="1" ht="9.75" customHeight="1">
      <c r="A40" s="47"/>
      <c r="B40" s="75"/>
      <c r="C40" s="33"/>
      <c r="D40" s="34"/>
      <c r="E40" s="176"/>
      <c r="F40" s="179"/>
      <c r="G40" s="33"/>
      <c r="H40" s="59"/>
      <c r="I40" s="33"/>
      <c r="J40" s="59"/>
      <c r="K40" s="60"/>
      <c r="L40" s="60"/>
      <c r="M40" s="61"/>
      <c r="N40" s="61"/>
      <c r="O40" s="58"/>
      <c r="P40" s="33"/>
      <c r="Q40" s="59"/>
      <c r="R40" s="33"/>
      <c r="S40" s="62"/>
      <c r="T40" s="63"/>
      <c r="U40" s="59"/>
      <c r="V40" s="33"/>
      <c r="W40" s="59"/>
      <c r="X40" s="27"/>
      <c r="Y40" s="27"/>
      <c r="Z40" s="27"/>
      <c r="AA40" s="27"/>
      <c r="AB40" s="28"/>
      <c r="AC40" s="28"/>
      <c r="AD40" s="28"/>
      <c r="AE40" s="28"/>
      <c r="AF40" s="28"/>
      <c r="AG40" s="28"/>
      <c r="AH40" s="28"/>
      <c r="AI40" s="28"/>
      <c r="AJ40" s="28"/>
      <c r="AK40" s="29"/>
      <c r="AL40" s="29"/>
      <c r="AM40" s="30"/>
    </row>
    <row r="41" spans="1:39" s="46" customFormat="1" ht="9.75" customHeight="1">
      <c r="A41" s="47"/>
      <c r="B41" s="39"/>
      <c r="C41" s="33"/>
      <c r="D41" s="34"/>
      <c r="E41" s="33"/>
      <c r="F41" s="34"/>
      <c r="G41" s="33"/>
      <c r="H41" s="59"/>
      <c r="I41" s="33"/>
      <c r="J41" s="59"/>
      <c r="K41" s="60"/>
      <c r="L41" s="60"/>
      <c r="M41" s="61"/>
      <c r="N41" s="185" t="s">
        <v>21</v>
      </c>
      <c r="O41" s="189" t="s">
        <v>401</v>
      </c>
      <c r="P41" s="48"/>
      <c r="Q41" s="50"/>
      <c r="R41" s="48"/>
      <c r="S41" s="53"/>
      <c r="T41" s="54"/>
      <c r="U41" s="50"/>
      <c r="V41" s="48"/>
      <c r="W41" s="50"/>
      <c r="X41" s="55" t="s">
        <v>3</v>
      </c>
      <c r="Y41" s="55"/>
      <c r="Z41" s="55"/>
      <c r="AA41" s="55"/>
      <c r="AB41" s="56"/>
      <c r="AC41" s="56"/>
      <c r="AD41" s="56"/>
      <c r="AE41" s="56"/>
      <c r="AF41" s="56"/>
      <c r="AG41" s="56"/>
      <c r="AH41" s="56"/>
      <c r="AI41" s="56"/>
      <c r="AJ41" s="56"/>
      <c r="AK41" s="19"/>
      <c r="AL41" s="19"/>
      <c r="AM41" s="26"/>
    </row>
    <row r="42" spans="1:39" s="46" customFormat="1" ht="9.75" customHeight="1">
      <c r="A42" s="57"/>
      <c r="B42" s="58"/>
      <c r="C42" s="33"/>
      <c r="D42" s="34"/>
      <c r="E42" s="33"/>
      <c r="F42" s="34"/>
      <c r="G42" s="33"/>
      <c r="H42" s="59"/>
      <c r="I42" s="33"/>
      <c r="J42" s="59"/>
      <c r="K42" s="60"/>
      <c r="L42" s="60"/>
      <c r="M42" s="61"/>
      <c r="N42" s="186"/>
      <c r="O42" s="190"/>
      <c r="P42" s="33"/>
      <c r="Q42" s="59" t="s">
        <v>399</v>
      </c>
      <c r="R42" s="33" t="s">
        <v>400</v>
      </c>
      <c r="S42" s="62"/>
      <c r="T42" s="63" t="s">
        <v>400</v>
      </c>
      <c r="U42" s="59" t="s">
        <v>30</v>
      </c>
      <c r="V42" s="33"/>
      <c r="W42" s="59" t="s">
        <v>30</v>
      </c>
      <c r="X42" s="27"/>
      <c r="Y42" s="27"/>
      <c r="Z42" s="27"/>
      <c r="AA42" s="27"/>
      <c r="AB42" s="28"/>
      <c r="AC42" s="28"/>
      <c r="AD42" s="28"/>
      <c r="AE42" s="28"/>
      <c r="AF42" s="28"/>
      <c r="AG42" s="28"/>
      <c r="AH42" s="28"/>
      <c r="AI42" s="28"/>
      <c r="AJ42" s="28"/>
      <c r="AK42" s="29"/>
      <c r="AL42" s="29"/>
      <c r="AM42" s="30"/>
    </row>
    <row r="43" spans="1:39" s="46" customFormat="1" ht="9.75" customHeight="1">
      <c r="A43" s="57"/>
      <c r="B43" s="58"/>
      <c r="C43" s="64"/>
      <c r="D43" s="77"/>
      <c r="E43" s="64"/>
      <c r="F43" s="77"/>
      <c r="G43" s="64"/>
      <c r="H43" s="66"/>
      <c r="I43" s="64"/>
      <c r="J43" s="66"/>
      <c r="K43" s="67"/>
      <c r="L43" s="67"/>
      <c r="M43" s="68"/>
      <c r="N43" s="187"/>
      <c r="O43" s="191"/>
      <c r="P43" s="64"/>
      <c r="Q43" s="66"/>
      <c r="R43" s="64"/>
      <c r="S43" s="69"/>
      <c r="T43" s="70"/>
      <c r="U43" s="66"/>
      <c r="V43" s="64"/>
      <c r="W43" s="66"/>
      <c r="X43" s="71"/>
      <c r="Y43" s="71"/>
      <c r="Z43" s="71"/>
      <c r="AA43" s="71"/>
      <c r="AB43" s="72"/>
      <c r="AC43" s="72"/>
      <c r="AD43" s="72"/>
      <c r="AE43" s="72"/>
      <c r="AF43" s="72"/>
      <c r="AG43" s="72"/>
      <c r="AH43" s="72"/>
      <c r="AI43" s="72"/>
      <c r="AJ43" s="72"/>
      <c r="AK43" s="73"/>
      <c r="AL43" s="73"/>
      <c r="AM43" s="74"/>
    </row>
    <row r="44" spans="1:39" s="46" customFormat="1" ht="9.75" customHeight="1">
      <c r="A44" s="47"/>
      <c r="B44" s="75"/>
      <c r="C44" s="175" t="s">
        <v>57</v>
      </c>
      <c r="D44" s="178" t="s">
        <v>58</v>
      </c>
      <c r="E44" s="48"/>
      <c r="F44" s="49"/>
      <c r="G44" s="48"/>
      <c r="H44" s="50"/>
      <c r="I44" s="48"/>
      <c r="J44" s="50"/>
      <c r="K44" s="51"/>
      <c r="L44" s="51"/>
      <c r="M44" s="52"/>
      <c r="N44" s="52"/>
      <c r="O44" s="76"/>
      <c r="P44" s="48"/>
      <c r="Q44" s="50"/>
      <c r="R44" s="48"/>
      <c r="S44" s="53"/>
      <c r="T44" s="54"/>
      <c r="U44" s="50"/>
      <c r="V44" s="48"/>
      <c r="W44" s="50"/>
      <c r="X44" s="55" t="s">
        <v>3</v>
      </c>
      <c r="Y44" s="55"/>
      <c r="Z44" s="55"/>
      <c r="AA44" s="55"/>
      <c r="AB44" s="56"/>
      <c r="AC44" s="56"/>
      <c r="AD44" s="56"/>
      <c r="AE44" s="56"/>
      <c r="AF44" s="56"/>
      <c r="AG44" s="56"/>
      <c r="AH44" s="56"/>
      <c r="AI44" s="56"/>
      <c r="AJ44" s="56"/>
      <c r="AK44" s="19"/>
      <c r="AL44" s="19"/>
      <c r="AM44" s="26"/>
    </row>
    <row r="45" spans="1:39" s="46" customFormat="1" ht="9.75" customHeight="1">
      <c r="A45" s="47"/>
      <c r="B45" s="75"/>
      <c r="C45" s="176"/>
      <c r="D45" s="179"/>
      <c r="E45" s="33"/>
      <c r="F45" s="34"/>
      <c r="G45" s="33"/>
      <c r="H45" s="59" t="s">
        <v>402</v>
      </c>
      <c r="I45" s="33"/>
      <c r="J45" s="59" t="s">
        <v>30</v>
      </c>
      <c r="K45" s="60" t="s">
        <v>30</v>
      </c>
      <c r="L45" s="60" t="s">
        <v>402</v>
      </c>
      <c r="M45" s="61"/>
      <c r="N45" s="61"/>
      <c r="O45" s="58"/>
      <c r="P45" s="33"/>
      <c r="Q45" s="59"/>
      <c r="R45" s="33" t="s">
        <v>403</v>
      </c>
      <c r="S45" s="62"/>
      <c r="T45" s="63" t="s">
        <v>403</v>
      </c>
      <c r="U45" s="59" t="s">
        <v>30</v>
      </c>
      <c r="V45" s="33"/>
      <c r="W45" s="59" t="s">
        <v>30</v>
      </c>
      <c r="X45" s="27"/>
      <c r="Y45" s="27"/>
      <c r="Z45" s="27"/>
      <c r="AA45" s="27"/>
      <c r="AB45" s="28"/>
      <c r="AC45" s="28"/>
      <c r="AD45" s="28"/>
      <c r="AE45" s="28"/>
      <c r="AF45" s="28"/>
      <c r="AG45" s="28"/>
      <c r="AH45" s="28"/>
      <c r="AI45" s="28"/>
      <c r="AJ45" s="28"/>
      <c r="AK45" s="29"/>
      <c r="AL45" s="29"/>
      <c r="AM45" s="30"/>
    </row>
    <row r="46" spans="1:39" s="46" customFormat="1" ht="9.75" customHeight="1">
      <c r="A46" s="47"/>
      <c r="B46" s="75"/>
      <c r="C46" s="176"/>
      <c r="D46" s="179"/>
      <c r="E46" s="33"/>
      <c r="F46" s="34"/>
      <c r="G46" s="33"/>
      <c r="H46" s="59"/>
      <c r="I46" s="33"/>
      <c r="J46" s="59"/>
      <c r="K46" s="60"/>
      <c r="L46" s="60"/>
      <c r="M46" s="61"/>
      <c r="N46" s="61"/>
      <c r="O46" s="58"/>
      <c r="P46" s="33"/>
      <c r="Q46" s="59"/>
      <c r="R46" s="33"/>
      <c r="S46" s="62"/>
      <c r="T46" s="63"/>
      <c r="U46" s="59"/>
      <c r="V46" s="33"/>
      <c r="W46" s="59"/>
      <c r="X46" s="27"/>
      <c r="Y46" s="27"/>
      <c r="Z46" s="27"/>
      <c r="AA46" s="27"/>
      <c r="AB46" s="28"/>
      <c r="AC46" s="28"/>
      <c r="AD46" s="28"/>
      <c r="AE46" s="28"/>
      <c r="AF46" s="28"/>
      <c r="AG46" s="28"/>
      <c r="AH46" s="28"/>
      <c r="AI46" s="28"/>
      <c r="AJ46" s="28"/>
      <c r="AK46" s="29"/>
      <c r="AL46" s="29"/>
      <c r="AM46" s="30"/>
    </row>
    <row r="47" spans="1:39" s="46" customFormat="1" ht="9.75" customHeight="1">
      <c r="A47" s="47"/>
      <c r="B47" s="39"/>
      <c r="C47" s="33"/>
      <c r="D47" s="34"/>
      <c r="E47" s="175" t="s">
        <v>21</v>
      </c>
      <c r="F47" s="178" t="s">
        <v>61</v>
      </c>
      <c r="G47" s="48"/>
      <c r="H47" s="50"/>
      <c r="I47" s="48"/>
      <c r="J47" s="50"/>
      <c r="K47" s="51"/>
      <c r="L47" s="51"/>
      <c r="M47" s="52"/>
      <c r="N47" s="52"/>
      <c r="O47" s="49"/>
      <c r="P47" s="48"/>
      <c r="Q47" s="50"/>
      <c r="R47" s="48"/>
      <c r="S47" s="53"/>
      <c r="T47" s="54"/>
      <c r="U47" s="50"/>
      <c r="V47" s="48"/>
      <c r="W47" s="50"/>
      <c r="X47" s="55" t="s">
        <v>3</v>
      </c>
      <c r="Y47" s="55"/>
      <c r="Z47" s="55"/>
      <c r="AA47" s="55"/>
      <c r="AB47" s="56"/>
      <c r="AC47" s="56"/>
      <c r="AD47" s="56"/>
      <c r="AE47" s="56"/>
      <c r="AF47" s="56"/>
      <c r="AG47" s="56"/>
      <c r="AH47" s="56"/>
      <c r="AI47" s="56"/>
      <c r="AJ47" s="56"/>
      <c r="AK47" s="19"/>
      <c r="AL47" s="19"/>
      <c r="AM47" s="26"/>
    </row>
    <row r="48" spans="1:39" s="46" customFormat="1" ht="9.75" customHeight="1">
      <c r="A48" s="57"/>
      <c r="B48" s="58"/>
      <c r="C48" s="33"/>
      <c r="D48" s="34"/>
      <c r="E48" s="176"/>
      <c r="F48" s="179"/>
      <c r="G48" s="33"/>
      <c r="H48" s="59" t="s">
        <v>404</v>
      </c>
      <c r="I48" s="33"/>
      <c r="J48" s="59" t="s">
        <v>30</v>
      </c>
      <c r="K48" s="60" t="s">
        <v>30</v>
      </c>
      <c r="L48" s="60" t="s">
        <v>404</v>
      </c>
      <c r="M48" s="61"/>
      <c r="N48" s="61"/>
      <c r="O48" s="34"/>
      <c r="P48" s="33"/>
      <c r="Q48" s="59"/>
      <c r="R48" s="33" t="s">
        <v>405</v>
      </c>
      <c r="S48" s="62"/>
      <c r="T48" s="63" t="s">
        <v>405</v>
      </c>
      <c r="U48" s="59" t="s">
        <v>30</v>
      </c>
      <c r="V48" s="33"/>
      <c r="W48" s="59" t="s">
        <v>30</v>
      </c>
      <c r="X48" s="27"/>
      <c r="Y48" s="27"/>
      <c r="Z48" s="27"/>
      <c r="AA48" s="27"/>
      <c r="AB48" s="28"/>
      <c r="AC48" s="28"/>
      <c r="AD48" s="28"/>
      <c r="AE48" s="28"/>
      <c r="AF48" s="28"/>
      <c r="AG48" s="28"/>
      <c r="AH48" s="28"/>
      <c r="AI48" s="28"/>
      <c r="AJ48" s="28"/>
      <c r="AK48" s="29"/>
      <c r="AL48" s="29"/>
      <c r="AM48" s="30"/>
    </row>
    <row r="49" spans="1:39" s="46" customFormat="1" ht="9.75" customHeight="1">
      <c r="A49" s="57"/>
      <c r="B49" s="58"/>
      <c r="C49" s="33"/>
      <c r="D49" s="34"/>
      <c r="E49" s="177"/>
      <c r="F49" s="180"/>
      <c r="G49" s="33"/>
      <c r="H49" s="59"/>
      <c r="I49" s="33"/>
      <c r="J49" s="59"/>
      <c r="K49" s="60"/>
      <c r="L49" s="60"/>
      <c r="M49" s="61"/>
      <c r="N49" s="61"/>
      <c r="O49" s="34"/>
      <c r="P49" s="33"/>
      <c r="Q49" s="59"/>
      <c r="R49" s="33"/>
      <c r="S49" s="62"/>
      <c r="T49" s="63"/>
      <c r="U49" s="59"/>
      <c r="V49" s="33"/>
      <c r="W49" s="59"/>
      <c r="X49" s="27"/>
      <c r="Y49" s="27"/>
      <c r="Z49" s="27"/>
      <c r="AA49" s="27"/>
      <c r="AB49" s="28"/>
      <c r="AC49" s="28"/>
      <c r="AD49" s="28"/>
      <c r="AE49" s="28"/>
      <c r="AF49" s="28"/>
      <c r="AG49" s="28"/>
      <c r="AH49" s="28"/>
      <c r="AI49" s="28"/>
      <c r="AJ49" s="28"/>
      <c r="AK49" s="29"/>
      <c r="AL49" s="29"/>
      <c r="AM49" s="30"/>
    </row>
    <row r="50" spans="1:39" s="46" customFormat="1" ht="9.75" customHeight="1">
      <c r="A50" s="47"/>
      <c r="B50" s="75"/>
      <c r="C50" s="33"/>
      <c r="D50" s="34"/>
      <c r="E50" s="175" t="s">
        <v>36</v>
      </c>
      <c r="F50" s="178" t="s">
        <v>406</v>
      </c>
      <c r="G50" s="48"/>
      <c r="H50" s="50"/>
      <c r="I50" s="48"/>
      <c r="J50" s="50"/>
      <c r="K50" s="51"/>
      <c r="L50" s="51"/>
      <c r="M50" s="52"/>
      <c r="N50" s="52"/>
      <c r="O50" s="76"/>
      <c r="P50" s="48"/>
      <c r="Q50" s="50"/>
      <c r="R50" s="48"/>
      <c r="S50" s="53"/>
      <c r="T50" s="54"/>
      <c r="U50" s="50"/>
      <c r="V50" s="48"/>
      <c r="W50" s="50"/>
      <c r="X50" s="55" t="s">
        <v>3</v>
      </c>
      <c r="Y50" s="55"/>
      <c r="Z50" s="55"/>
      <c r="AA50" s="55"/>
      <c r="AB50" s="56"/>
      <c r="AC50" s="56"/>
      <c r="AD50" s="56"/>
      <c r="AE50" s="56"/>
      <c r="AF50" s="56"/>
      <c r="AG50" s="56"/>
      <c r="AH50" s="56"/>
      <c r="AI50" s="56"/>
      <c r="AJ50" s="56"/>
      <c r="AK50" s="19"/>
      <c r="AL50" s="19"/>
      <c r="AM50" s="26"/>
    </row>
    <row r="51" spans="1:39" s="46" customFormat="1" ht="9.75" customHeight="1">
      <c r="A51" s="47"/>
      <c r="B51" s="75"/>
      <c r="C51" s="33"/>
      <c r="D51" s="34"/>
      <c r="E51" s="176"/>
      <c r="F51" s="179"/>
      <c r="G51" s="33"/>
      <c r="H51" s="59" t="s">
        <v>407</v>
      </c>
      <c r="I51" s="33"/>
      <c r="J51" s="59" t="s">
        <v>30</v>
      </c>
      <c r="K51" s="60" t="s">
        <v>30</v>
      </c>
      <c r="L51" s="60" t="s">
        <v>407</v>
      </c>
      <c r="M51" s="61"/>
      <c r="N51" s="61"/>
      <c r="O51" s="58"/>
      <c r="P51" s="33"/>
      <c r="Q51" s="59"/>
      <c r="R51" s="33" t="s">
        <v>408</v>
      </c>
      <c r="S51" s="62"/>
      <c r="T51" s="63" t="s">
        <v>408</v>
      </c>
      <c r="U51" s="59" t="s">
        <v>30</v>
      </c>
      <c r="V51" s="33"/>
      <c r="W51" s="59" t="s">
        <v>30</v>
      </c>
      <c r="X51" s="27"/>
      <c r="Y51" s="27"/>
      <c r="Z51" s="27"/>
      <c r="AA51" s="27"/>
      <c r="AB51" s="28"/>
      <c r="AC51" s="28"/>
      <c r="AD51" s="28"/>
      <c r="AE51" s="28"/>
      <c r="AF51" s="28"/>
      <c r="AG51" s="28"/>
      <c r="AH51" s="28"/>
      <c r="AI51" s="28"/>
      <c r="AJ51" s="28"/>
      <c r="AK51" s="29"/>
      <c r="AL51" s="29"/>
      <c r="AM51" s="30"/>
    </row>
    <row r="52" spans="1:39" s="46" customFormat="1" ht="9.75" customHeight="1">
      <c r="A52" s="47"/>
      <c r="B52" s="75"/>
      <c r="C52" s="33"/>
      <c r="D52" s="34"/>
      <c r="E52" s="177"/>
      <c r="F52" s="180"/>
      <c r="G52" s="33"/>
      <c r="H52" s="59"/>
      <c r="I52" s="33"/>
      <c r="J52" s="59"/>
      <c r="K52" s="60"/>
      <c r="L52" s="60"/>
      <c r="M52" s="61"/>
      <c r="N52" s="61"/>
      <c r="O52" s="58"/>
      <c r="P52" s="33"/>
      <c r="Q52" s="59"/>
      <c r="R52" s="33"/>
      <c r="S52" s="62"/>
      <c r="T52" s="63"/>
      <c r="U52" s="59"/>
      <c r="V52" s="33"/>
      <c r="W52" s="59"/>
      <c r="X52" s="27"/>
      <c r="Y52" s="27"/>
      <c r="Z52" s="27"/>
      <c r="AA52" s="27"/>
      <c r="AB52" s="28"/>
      <c r="AC52" s="28"/>
      <c r="AD52" s="28"/>
      <c r="AE52" s="28"/>
      <c r="AF52" s="28"/>
      <c r="AG52" s="28"/>
      <c r="AH52" s="28"/>
      <c r="AI52" s="28"/>
      <c r="AJ52" s="28"/>
      <c r="AK52" s="29"/>
      <c r="AL52" s="29"/>
      <c r="AM52" s="30"/>
    </row>
    <row r="53" spans="1:39" s="46" customFormat="1" ht="9.75" customHeight="1">
      <c r="A53" s="47"/>
      <c r="B53" s="75"/>
      <c r="C53" s="33"/>
      <c r="D53" s="34"/>
      <c r="E53" s="175" t="s">
        <v>52</v>
      </c>
      <c r="F53" s="178" t="s">
        <v>63</v>
      </c>
      <c r="G53" s="48"/>
      <c r="H53" s="50"/>
      <c r="I53" s="48"/>
      <c r="J53" s="50"/>
      <c r="K53" s="51"/>
      <c r="L53" s="51"/>
      <c r="M53" s="52"/>
      <c r="N53" s="52"/>
      <c r="O53" s="76"/>
      <c r="P53" s="48"/>
      <c r="Q53" s="50"/>
      <c r="R53" s="48"/>
      <c r="S53" s="53"/>
      <c r="T53" s="54"/>
      <c r="U53" s="50"/>
      <c r="V53" s="48"/>
      <c r="W53" s="50"/>
      <c r="X53" s="55" t="s">
        <v>3</v>
      </c>
      <c r="Y53" s="55"/>
      <c r="Z53" s="55"/>
      <c r="AA53" s="55"/>
      <c r="AB53" s="56"/>
      <c r="AC53" s="56"/>
      <c r="AD53" s="56"/>
      <c r="AE53" s="56"/>
      <c r="AF53" s="56"/>
      <c r="AG53" s="56"/>
      <c r="AH53" s="56"/>
      <c r="AI53" s="56"/>
      <c r="AJ53" s="56"/>
      <c r="AK53" s="19"/>
      <c r="AL53" s="19"/>
      <c r="AM53" s="26"/>
    </row>
    <row r="54" spans="1:39" s="46" customFormat="1" ht="9.75" customHeight="1">
      <c r="A54" s="47"/>
      <c r="B54" s="75"/>
      <c r="C54" s="33"/>
      <c r="D54" s="34"/>
      <c r="E54" s="176"/>
      <c r="F54" s="179"/>
      <c r="G54" s="33"/>
      <c r="H54" s="59" t="s">
        <v>30</v>
      </c>
      <c r="I54" s="33"/>
      <c r="J54" s="59" t="s">
        <v>30</v>
      </c>
      <c r="K54" s="60" t="s">
        <v>30</v>
      </c>
      <c r="L54" s="60" t="s">
        <v>30</v>
      </c>
      <c r="M54" s="61"/>
      <c r="N54" s="61"/>
      <c r="O54" s="58"/>
      <c r="P54" s="33"/>
      <c r="Q54" s="59"/>
      <c r="R54" s="33" t="s">
        <v>409</v>
      </c>
      <c r="S54" s="62"/>
      <c r="T54" s="63" t="s">
        <v>409</v>
      </c>
      <c r="U54" s="59" t="s">
        <v>30</v>
      </c>
      <c r="V54" s="33"/>
      <c r="W54" s="59" t="s">
        <v>30</v>
      </c>
      <c r="X54" s="27"/>
      <c r="Y54" s="27"/>
      <c r="Z54" s="27"/>
      <c r="AA54" s="27"/>
      <c r="AB54" s="28"/>
      <c r="AC54" s="28"/>
      <c r="AD54" s="28"/>
      <c r="AE54" s="28"/>
      <c r="AF54" s="28"/>
      <c r="AG54" s="28"/>
      <c r="AH54" s="28"/>
      <c r="AI54" s="28"/>
      <c r="AJ54" s="28"/>
      <c r="AK54" s="29"/>
      <c r="AL54" s="29"/>
      <c r="AM54" s="30"/>
    </row>
    <row r="55" spans="1:39" s="46" customFormat="1" ht="9.75" customHeight="1">
      <c r="A55" s="47"/>
      <c r="B55" s="75"/>
      <c r="C55" s="64"/>
      <c r="D55" s="77"/>
      <c r="E55" s="177"/>
      <c r="F55" s="180"/>
      <c r="G55" s="64"/>
      <c r="H55" s="66"/>
      <c r="I55" s="64"/>
      <c r="J55" s="66"/>
      <c r="K55" s="67"/>
      <c r="L55" s="67"/>
      <c r="M55" s="68"/>
      <c r="N55" s="68"/>
      <c r="O55" s="65"/>
      <c r="P55" s="64"/>
      <c r="Q55" s="66"/>
      <c r="R55" s="64"/>
      <c r="S55" s="69"/>
      <c r="T55" s="70"/>
      <c r="U55" s="66"/>
      <c r="V55" s="64"/>
      <c r="W55" s="66"/>
      <c r="X55" s="71"/>
      <c r="Y55" s="71"/>
      <c r="Z55" s="71"/>
      <c r="AA55" s="71"/>
      <c r="AB55" s="72"/>
      <c r="AC55" s="72"/>
      <c r="AD55" s="72"/>
      <c r="AE55" s="72"/>
      <c r="AF55" s="72"/>
      <c r="AG55" s="72"/>
      <c r="AH55" s="72"/>
      <c r="AI55" s="72"/>
      <c r="AJ55" s="72"/>
      <c r="AK55" s="73"/>
      <c r="AL55" s="73"/>
      <c r="AM55" s="74"/>
    </row>
    <row r="56" spans="1:39" s="46" customFormat="1" ht="9.75" customHeight="1">
      <c r="A56" s="47"/>
      <c r="B56" s="75"/>
      <c r="C56" s="175" t="s">
        <v>293</v>
      </c>
      <c r="D56" s="178" t="s">
        <v>53</v>
      </c>
      <c r="E56" s="48"/>
      <c r="F56" s="49"/>
      <c r="G56" s="48"/>
      <c r="H56" s="50"/>
      <c r="I56" s="48"/>
      <c r="J56" s="50"/>
      <c r="K56" s="51"/>
      <c r="L56" s="51"/>
      <c r="M56" s="52"/>
      <c r="N56" s="52"/>
      <c r="O56" s="76"/>
      <c r="P56" s="48"/>
      <c r="Q56" s="50"/>
      <c r="R56" s="48"/>
      <c r="S56" s="53"/>
      <c r="T56" s="54"/>
      <c r="U56" s="50"/>
      <c r="V56" s="48"/>
      <c r="W56" s="50"/>
      <c r="X56" s="55" t="s">
        <v>23</v>
      </c>
      <c r="Y56" s="55"/>
      <c r="Z56" s="55"/>
      <c r="AA56" s="55"/>
      <c r="AB56" s="56"/>
      <c r="AC56" s="56"/>
      <c r="AD56" s="56"/>
      <c r="AE56" s="56"/>
      <c r="AF56" s="56"/>
      <c r="AG56" s="56"/>
      <c r="AH56" s="56"/>
      <c r="AI56" s="56"/>
      <c r="AJ56" s="56"/>
      <c r="AK56" s="19"/>
      <c r="AL56" s="19"/>
      <c r="AM56" s="26" t="s">
        <v>373</v>
      </c>
    </row>
    <row r="57" spans="1:39" s="46" customFormat="1" ht="9.75" customHeight="1">
      <c r="A57" s="47"/>
      <c r="B57" s="75"/>
      <c r="C57" s="176"/>
      <c r="D57" s="179"/>
      <c r="E57" s="33"/>
      <c r="F57" s="34"/>
      <c r="G57" s="33"/>
      <c r="H57" s="59" t="s">
        <v>30</v>
      </c>
      <c r="I57" s="33"/>
      <c r="J57" s="59" t="s">
        <v>410</v>
      </c>
      <c r="K57" s="60" t="s">
        <v>376</v>
      </c>
      <c r="L57" s="60" t="s">
        <v>411</v>
      </c>
      <c r="M57" s="61"/>
      <c r="N57" s="61"/>
      <c r="O57" s="58"/>
      <c r="P57" s="33"/>
      <c r="Q57" s="59"/>
      <c r="R57" s="33" t="s">
        <v>412</v>
      </c>
      <c r="S57" s="62"/>
      <c r="T57" s="63" t="s">
        <v>412</v>
      </c>
      <c r="U57" s="59" t="s">
        <v>30</v>
      </c>
      <c r="V57" s="33"/>
      <c r="W57" s="59" t="s">
        <v>30</v>
      </c>
      <c r="X57" s="27" t="s">
        <v>379</v>
      </c>
      <c r="Y57" s="27"/>
      <c r="Z57" s="27"/>
      <c r="AA57" s="27"/>
      <c r="AB57" s="28"/>
      <c r="AC57" s="28"/>
      <c r="AD57" s="28"/>
      <c r="AE57" s="28"/>
      <c r="AF57" s="28"/>
      <c r="AG57" s="28"/>
      <c r="AH57" s="28"/>
      <c r="AI57" s="28"/>
      <c r="AJ57" s="28"/>
      <c r="AK57" s="29"/>
      <c r="AL57" s="29"/>
      <c r="AM57" s="30" t="s">
        <v>380</v>
      </c>
    </row>
    <row r="58" spans="1:39" s="46" customFormat="1" ht="9.75" customHeight="1">
      <c r="A58" s="47"/>
      <c r="B58" s="75"/>
      <c r="C58" s="176"/>
      <c r="D58" s="179"/>
      <c r="E58" s="33"/>
      <c r="F58" s="34"/>
      <c r="G58" s="33"/>
      <c r="H58" s="59"/>
      <c r="I58" s="33"/>
      <c r="J58" s="59"/>
      <c r="K58" s="60"/>
      <c r="L58" s="60"/>
      <c r="M58" s="61"/>
      <c r="N58" s="61"/>
      <c r="O58" s="58"/>
      <c r="P58" s="33"/>
      <c r="Q58" s="59"/>
      <c r="R58" s="33"/>
      <c r="S58" s="62"/>
      <c r="T58" s="63"/>
      <c r="U58" s="59"/>
      <c r="V58" s="33"/>
      <c r="W58" s="59"/>
      <c r="X58" s="27"/>
      <c r="Y58" s="27"/>
      <c r="Z58" s="27"/>
      <c r="AA58" s="27"/>
      <c r="AB58" s="28"/>
      <c r="AC58" s="28"/>
      <c r="AD58" s="28"/>
      <c r="AE58" s="28"/>
      <c r="AF58" s="28"/>
      <c r="AG58" s="28"/>
      <c r="AH58" s="28"/>
      <c r="AI58" s="28"/>
      <c r="AJ58" s="28"/>
      <c r="AK58" s="29"/>
      <c r="AL58" s="29"/>
      <c r="AM58" s="30"/>
    </row>
    <row r="59" spans="1:39" s="46" customFormat="1" ht="9.75" customHeight="1">
      <c r="A59" s="47"/>
      <c r="B59" s="39"/>
      <c r="C59" s="33"/>
      <c r="D59" s="34"/>
      <c r="E59" s="175" t="s">
        <v>21</v>
      </c>
      <c r="F59" s="178" t="s">
        <v>53</v>
      </c>
      <c r="G59" s="48"/>
      <c r="H59" s="50"/>
      <c r="I59" s="48"/>
      <c r="J59" s="50"/>
      <c r="K59" s="51"/>
      <c r="L59" s="51"/>
      <c r="M59" s="52"/>
      <c r="N59" s="52"/>
      <c r="O59" s="49"/>
      <c r="P59" s="48"/>
      <c r="Q59" s="50"/>
      <c r="R59" s="48"/>
      <c r="S59" s="53"/>
      <c r="T59" s="54"/>
      <c r="U59" s="50"/>
      <c r="V59" s="48"/>
      <c r="W59" s="50"/>
      <c r="X59" s="55" t="s">
        <v>23</v>
      </c>
      <c r="Y59" s="55"/>
      <c r="Z59" s="55"/>
      <c r="AA59" s="55"/>
      <c r="AB59" s="56"/>
      <c r="AC59" s="56"/>
      <c r="AD59" s="56"/>
      <c r="AE59" s="56"/>
      <c r="AF59" s="56"/>
      <c r="AG59" s="56"/>
      <c r="AH59" s="56"/>
      <c r="AI59" s="56"/>
      <c r="AJ59" s="56"/>
      <c r="AK59" s="19"/>
      <c r="AL59" s="19"/>
      <c r="AM59" s="26" t="s">
        <v>373</v>
      </c>
    </row>
    <row r="60" spans="1:39" s="46" customFormat="1" ht="9.75" customHeight="1">
      <c r="A60" s="57"/>
      <c r="B60" s="58"/>
      <c r="C60" s="33"/>
      <c r="D60" s="34"/>
      <c r="E60" s="176"/>
      <c r="F60" s="179"/>
      <c r="G60" s="33"/>
      <c r="H60" s="59" t="s">
        <v>30</v>
      </c>
      <c r="I60" s="33"/>
      <c r="J60" s="59" t="s">
        <v>410</v>
      </c>
      <c r="K60" s="60" t="s">
        <v>376</v>
      </c>
      <c r="L60" s="60" t="s">
        <v>411</v>
      </c>
      <c r="M60" s="61"/>
      <c r="N60" s="61"/>
      <c r="O60" s="34"/>
      <c r="P60" s="33"/>
      <c r="Q60" s="59"/>
      <c r="R60" s="33" t="s">
        <v>412</v>
      </c>
      <c r="S60" s="62"/>
      <c r="T60" s="63" t="s">
        <v>412</v>
      </c>
      <c r="U60" s="59" t="s">
        <v>30</v>
      </c>
      <c r="V60" s="33"/>
      <c r="W60" s="59" t="s">
        <v>30</v>
      </c>
      <c r="X60" s="27" t="s">
        <v>379</v>
      </c>
      <c r="Y60" s="27"/>
      <c r="Z60" s="27"/>
      <c r="AA60" s="27"/>
      <c r="AB60" s="28"/>
      <c r="AC60" s="28"/>
      <c r="AD60" s="28"/>
      <c r="AE60" s="28"/>
      <c r="AF60" s="28"/>
      <c r="AG60" s="28"/>
      <c r="AH60" s="28"/>
      <c r="AI60" s="28"/>
      <c r="AJ60" s="28"/>
      <c r="AK60" s="29"/>
      <c r="AL60" s="29"/>
      <c r="AM60" s="30" t="s">
        <v>380</v>
      </c>
    </row>
    <row r="61" spans="1:39" s="46" customFormat="1" ht="9.75" customHeight="1">
      <c r="A61" s="158"/>
      <c r="B61" s="65"/>
      <c r="C61" s="64"/>
      <c r="D61" s="77"/>
      <c r="E61" s="177"/>
      <c r="F61" s="180"/>
      <c r="G61" s="64"/>
      <c r="H61" s="66"/>
      <c r="I61" s="64"/>
      <c r="J61" s="66"/>
      <c r="K61" s="67"/>
      <c r="L61" s="67"/>
      <c r="M61" s="68"/>
      <c r="N61" s="68"/>
      <c r="O61" s="77"/>
      <c r="P61" s="64"/>
      <c r="Q61" s="66"/>
      <c r="R61" s="64"/>
      <c r="S61" s="69"/>
      <c r="T61" s="70"/>
      <c r="U61" s="66"/>
      <c r="V61" s="64"/>
      <c r="W61" s="66"/>
      <c r="X61" s="71"/>
      <c r="Y61" s="71"/>
      <c r="Z61" s="71"/>
      <c r="AA61" s="71"/>
      <c r="AB61" s="72"/>
      <c r="AC61" s="72"/>
      <c r="AD61" s="72"/>
      <c r="AE61" s="72"/>
      <c r="AF61" s="72"/>
      <c r="AG61" s="72"/>
      <c r="AH61" s="72"/>
      <c r="AI61" s="72"/>
      <c r="AJ61" s="72"/>
      <c r="AK61" s="73"/>
      <c r="AL61" s="73"/>
      <c r="AM61" s="74"/>
    </row>
    <row r="62" spans="1:39" s="46" customFormat="1" ht="9.75" customHeight="1">
      <c r="A62" s="80"/>
      <c r="B62" s="81"/>
      <c r="C62" s="81"/>
      <c r="D62" s="81"/>
      <c r="E62" s="81"/>
      <c r="F62" s="81"/>
      <c r="G62" s="82"/>
      <c r="H62" s="83"/>
      <c r="I62" s="82"/>
      <c r="J62" s="83"/>
      <c r="K62" s="84"/>
      <c r="L62" s="84"/>
      <c r="M62" s="85"/>
      <c r="N62" s="85"/>
      <c r="O62" s="86"/>
      <c r="P62" s="82"/>
      <c r="Q62" s="83"/>
      <c r="R62" s="82"/>
      <c r="S62" s="87"/>
      <c r="T62" s="88"/>
      <c r="U62" s="83"/>
      <c r="V62" s="82"/>
      <c r="W62" s="83"/>
      <c r="X62" s="89" t="s">
        <v>23</v>
      </c>
      <c r="Y62" s="89"/>
      <c r="Z62" s="89"/>
      <c r="AA62" s="89"/>
      <c r="AB62" s="90"/>
      <c r="AC62" s="90"/>
      <c r="AD62" s="90"/>
      <c r="AE62" s="90"/>
      <c r="AF62" s="90"/>
      <c r="AG62" s="90"/>
      <c r="AH62" s="90"/>
      <c r="AI62" s="90"/>
      <c r="AJ62" s="90"/>
      <c r="AK62" s="91"/>
      <c r="AL62" s="91"/>
      <c r="AM62" s="92" t="s">
        <v>373</v>
      </c>
    </row>
    <row r="63" spans="1:39" s="46" customFormat="1" ht="9.75" customHeight="1">
      <c r="A63" s="181"/>
      <c r="B63" s="182"/>
      <c r="C63" s="183"/>
      <c r="D63" s="183"/>
      <c r="E63" s="183"/>
      <c r="F63" s="184"/>
      <c r="G63" s="35"/>
      <c r="H63" s="36"/>
      <c r="I63" s="35"/>
      <c r="J63" s="36"/>
      <c r="K63" s="37"/>
      <c r="L63" s="37"/>
      <c r="M63" s="38"/>
      <c r="N63" s="38"/>
      <c r="O63" s="39"/>
      <c r="P63" s="35"/>
      <c r="Q63" s="36"/>
      <c r="R63" s="35"/>
      <c r="S63" s="40"/>
      <c r="T63" s="41"/>
      <c r="U63" s="36"/>
      <c r="V63" s="35"/>
      <c r="W63" s="36"/>
      <c r="X63" s="42" t="s">
        <v>379</v>
      </c>
      <c r="Y63" s="42"/>
      <c r="Z63" s="42"/>
      <c r="AA63" s="42"/>
      <c r="AB63" s="43"/>
      <c r="AC63" s="43"/>
      <c r="AD63" s="43"/>
      <c r="AE63" s="43"/>
      <c r="AF63" s="43"/>
      <c r="AG63" s="43"/>
      <c r="AH63" s="43"/>
      <c r="AI63" s="43"/>
      <c r="AJ63" s="43"/>
      <c r="AK63" s="44"/>
      <c r="AL63" s="44"/>
      <c r="AM63" s="45" t="s">
        <v>380</v>
      </c>
    </row>
    <row r="64" spans="1:39" s="46" customFormat="1" ht="9.75" customHeight="1">
      <c r="A64" s="181" t="s">
        <v>65</v>
      </c>
      <c r="B64" s="182"/>
      <c r="C64" s="183"/>
      <c r="D64" s="183"/>
      <c r="E64" s="183"/>
      <c r="F64" s="184"/>
      <c r="G64" s="35"/>
      <c r="H64" s="36" t="s">
        <v>374</v>
      </c>
      <c r="I64" s="35" t="s">
        <v>133</v>
      </c>
      <c r="J64" s="36" t="s">
        <v>375</v>
      </c>
      <c r="K64" s="37" t="s">
        <v>376</v>
      </c>
      <c r="L64" s="37" t="s">
        <v>377</v>
      </c>
      <c r="M64" s="38"/>
      <c r="N64" s="38"/>
      <c r="O64" s="39"/>
      <c r="P64" s="35"/>
      <c r="Q64" s="36"/>
      <c r="R64" s="35" t="s">
        <v>378</v>
      </c>
      <c r="S64" s="40"/>
      <c r="T64" s="41" t="s">
        <v>378</v>
      </c>
      <c r="U64" s="36" t="s">
        <v>30</v>
      </c>
      <c r="V64" s="35"/>
      <c r="W64" s="36" t="s">
        <v>30</v>
      </c>
      <c r="X64" s="42" t="s">
        <v>66</v>
      </c>
      <c r="Y64" s="42"/>
      <c r="Z64" s="42"/>
      <c r="AA64" s="42"/>
      <c r="AB64" s="43"/>
      <c r="AC64" s="43"/>
      <c r="AD64" s="43"/>
      <c r="AE64" s="43"/>
      <c r="AF64" s="43"/>
      <c r="AG64" s="43"/>
      <c r="AH64" s="43"/>
      <c r="AI64" s="43"/>
      <c r="AJ64" s="43"/>
      <c r="AK64" s="44"/>
      <c r="AL64" s="44"/>
      <c r="AM64" s="45" t="s">
        <v>413</v>
      </c>
    </row>
    <row r="65" spans="1:39" s="46" customFormat="1" ht="9.75" customHeight="1">
      <c r="A65" s="160"/>
      <c r="B65" s="161"/>
      <c r="C65" s="15"/>
      <c r="D65" s="15"/>
      <c r="E65" s="15"/>
      <c r="F65" s="15"/>
      <c r="G65" s="35"/>
      <c r="H65" s="36"/>
      <c r="I65" s="35"/>
      <c r="J65" s="36"/>
      <c r="K65" s="37"/>
      <c r="L65" s="37"/>
      <c r="M65" s="38"/>
      <c r="N65" s="38"/>
      <c r="O65" s="39"/>
      <c r="P65" s="35"/>
      <c r="Q65" s="36"/>
      <c r="R65" s="35"/>
      <c r="S65" s="40"/>
      <c r="T65" s="41"/>
      <c r="U65" s="36"/>
      <c r="V65" s="35"/>
      <c r="W65" s="36"/>
      <c r="X65" s="42" t="s">
        <v>414</v>
      </c>
      <c r="Y65" s="42"/>
      <c r="Z65" s="42"/>
      <c r="AA65" s="42"/>
      <c r="AB65" s="43"/>
      <c r="AC65" s="43"/>
      <c r="AD65" s="43"/>
      <c r="AE65" s="43"/>
      <c r="AF65" s="43"/>
      <c r="AG65" s="43"/>
      <c r="AH65" s="43"/>
      <c r="AI65" s="43"/>
      <c r="AJ65" s="43"/>
      <c r="AK65" s="44"/>
      <c r="AL65" s="44"/>
      <c r="AM65" s="45" t="s">
        <v>413</v>
      </c>
    </row>
    <row r="66" spans="1:39" s="46" customFormat="1" ht="9.75" customHeight="1">
      <c r="A66" s="93"/>
      <c r="B66" s="94"/>
      <c r="C66" s="94"/>
      <c r="D66" s="94"/>
      <c r="E66" s="94"/>
      <c r="F66" s="94"/>
      <c r="G66" s="95"/>
      <c r="H66" s="96"/>
      <c r="I66" s="95"/>
      <c r="J66" s="96"/>
      <c r="K66" s="97"/>
      <c r="L66" s="97"/>
      <c r="M66" s="98"/>
      <c r="N66" s="98"/>
      <c r="O66" s="99"/>
      <c r="P66" s="95"/>
      <c r="Q66" s="96"/>
      <c r="R66" s="95"/>
      <c r="S66" s="100"/>
      <c r="T66" s="101"/>
      <c r="U66" s="96"/>
      <c r="V66" s="95"/>
      <c r="W66" s="96"/>
      <c r="X66" s="102"/>
      <c r="Y66" s="102"/>
      <c r="Z66" s="102"/>
      <c r="AA66" s="102"/>
      <c r="AB66" s="103"/>
      <c r="AC66" s="103"/>
      <c r="AD66" s="103"/>
      <c r="AE66" s="103"/>
      <c r="AF66" s="103"/>
      <c r="AG66" s="103"/>
      <c r="AH66" s="103"/>
      <c r="AI66" s="103"/>
      <c r="AJ66" s="103"/>
      <c r="AK66" s="104"/>
      <c r="AL66" s="104"/>
      <c r="AM66" s="155"/>
    </row>
    <row r="67" spans="1:39" ht="9.75" customHeight="1">
      <c r="A67" s="105"/>
      <c r="B67" s="106"/>
      <c r="C67" s="106"/>
      <c r="D67" s="106"/>
      <c r="E67" s="106"/>
      <c r="F67" s="106"/>
      <c r="G67" s="106"/>
      <c r="H67" s="106"/>
      <c r="I67" s="106"/>
      <c r="J67" s="106"/>
      <c r="K67" s="106"/>
      <c r="L67" s="106"/>
      <c r="M67" s="106"/>
      <c r="N67" s="106"/>
      <c r="O67" s="106"/>
      <c r="P67" s="106"/>
      <c r="Q67" s="106"/>
      <c r="R67" s="106"/>
      <c r="S67" s="106"/>
      <c r="T67" s="106"/>
      <c r="U67" s="106"/>
      <c r="V67" s="106"/>
      <c r="W67" s="106"/>
      <c r="X67" s="107"/>
      <c r="Y67" s="107"/>
      <c r="Z67" s="107"/>
      <c r="AA67" s="107"/>
      <c r="AB67" s="107"/>
      <c r="AC67" s="107"/>
      <c r="AD67" s="107"/>
      <c r="AE67" s="107"/>
      <c r="AF67" s="107"/>
      <c r="AG67" s="107"/>
      <c r="AH67" s="107"/>
      <c r="AI67" s="107"/>
      <c r="AJ67" s="107"/>
      <c r="AK67" s="107"/>
      <c r="AL67" s="107"/>
      <c r="AM67" s="108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86" spans="1:39" ht="9.75" customHeight="1">
      <c r="A86" s="106"/>
      <c r="B86" s="106"/>
      <c r="C86" s="106"/>
      <c r="D86" s="106"/>
      <c r="E86" s="106"/>
      <c r="F86" s="106"/>
      <c r="G86" s="106"/>
      <c r="H86" s="106"/>
      <c r="I86" s="106"/>
      <c r="J86" s="106"/>
      <c r="K86" s="106"/>
      <c r="L86" s="106"/>
      <c r="M86" s="106"/>
      <c r="N86" s="106"/>
      <c r="O86" s="106"/>
      <c r="P86" s="106"/>
      <c r="Q86" s="106"/>
      <c r="R86" s="106"/>
      <c r="S86" s="106"/>
      <c r="T86" s="106"/>
      <c r="U86" s="106"/>
      <c r="V86" s="106"/>
      <c r="W86" s="106"/>
      <c r="X86" s="106"/>
      <c r="Y86" s="106"/>
      <c r="Z86" s="106"/>
      <c r="AA86" s="106"/>
      <c r="AB86" s="106"/>
      <c r="AC86" s="106"/>
      <c r="AD86" s="106"/>
      <c r="AE86" s="106"/>
      <c r="AF86" s="106"/>
      <c r="AG86" s="106"/>
      <c r="AH86" s="106"/>
      <c r="AI86" s="106"/>
      <c r="AJ86" s="106"/>
      <c r="AK86" s="106"/>
      <c r="AL86" s="106"/>
      <c r="AM86" s="106"/>
    </row>
    <row r="87" spans="1:39" ht="9.75" customHeight="1">
      <c r="A87" s="110"/>
      <c r="B87" s="110"/>
      <c r="C87" s="110"/>
      <c r="D87" s="110"/>
      <c r="E87" s="110"/>
      <c r="F87" s="110"/>
      <c r="G87" s="110"/>
      <c r="H87" s="110"/>
      <c r="I87" s="110"/>
      <c r="J87" s="110"/>
      <c r="K87" s="110"/>
      <c r="L87" s="110"/>
      <c r="M87" s="110"/>
      <c r="N87" s="110"/>
      <c r="O87" s="110"/>
      <c r="P87" s="110"/>
      <c r="Q87" s="110"/>
      <c r="R87" s="110"/>
      <c r="S87" s="110"/>
      <c r="T87" s="110"/>
      <c r="U87" s="110"/>
      <c r="V87" s="110"/>
      <c r="W87" s="110"/>
      <c r="X87" s="110"/>
      <c r="Y87" s="110"/>
      <c r="Z87" s="110"/>
      <c r="AA87" s="110"/>
      <c r="AB87" s="110"/>
      <c r="AC87" s="110"/>
      <c r="AD87" s="110"/>
      <c r="AE87" s="110"/>
      <c r="AF87" s="110"/>
      <c r="AG87" s="110"/>
      <c r="AH87" s="110"/>
      <c r="AI87" s="110"/>
      <c r="AJ87" s="110"/>
      <c r="AK87" s="110"/>
      <c r="AL87" s="110"/>
      <c r="AM87" s="110"/>
    </row>
    <row r="1267" spans="6:6" ht="9.75" customHeight="1">
      <c r="F1267" s="115"/>
    </row>
  </sheetData>
  <mergeCells count="54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C23:C25"/>
    <mergeCell ref="D23:D25"/>
    <mergeCell ref="E26:E28"/>
    <mergeCell ref="F26:F28"/>
    <mergeCell ref="N29:N31"/>
    <mergeCell ref="O29:O31"/>
    <mergeCell ref="C32:C34"/>
    <mergeCell ref="D32:D34"/>
    <mergeCell ref="E35:E37"/>
    <mergeCell ref="F35:F37"/>
    <mergeCell ref="E38:E40"/>
    <mergeCell ref="F38:F40"/>
    <mergeCell ref="N41:N43"/>
    <mergeCell ref="O41:O43"/>
    <mergeCell ref="C44:C46"/>
    <mergeCell ref="D44:D46"/>
    <mergeCell ref="A64:F64"/>
    <mergeCell ref="E47:E49"/>
    <mergeCell ref="F47:F49"/>
    <mergeCell ref="E50:E52"/>
    <mergeCell ref="F50:F52"/>
    <mergeCell ref="E53:E55"/>
    <mergeCell ref="F53:F55"/>
    <mergeCell ref="C56:C58"/>
    <mergeCell ref="D56:D58"/>
    <mergeCell ref="E59:E61"/>
    <mergeCell ref="F59:F61"/>
    <mergeCell ref="A63:F63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3" max="84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415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257" t="s">
        <v>416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79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90"/>
      <c r="C11" s="35"/>
      <c r="D11" s="123"/>
      <c r="E11" s="35"/>
      <c r="F11" s="75"/>
      <c r="G11" s="35"/>
      <c r="H11" s="36" t="s">
        <v>374</v>
      </c>
      <c r="I11" s="35" t="s">
        <v>133</v>
      </c>
      <c r="J11" s="36" t="s">
        <v>375</v>
      </c>
      <c r="K11" s="124" t="s">
        <v>376</v>
      </c>
      <c r="L11" s="35"/>
      <c r="M11" s="125" t="s">
        <v>30</v>
      </c>
      <c r="N11" s="37" t="s">
        <v>377</v>
      </c>
      <c r="O11" s="38"/>
      <c r="P11" s="186"/>
      <c r="Q11" s="234"/>
      <c r="R11" s="35"/>
      <c r="S11" s="38"/>
      <c r="T11" s="126" t="s">
        <v>417</v>
      </c>
      <c r="U11" s="38"/>
      <c r="V11" s="36" t="s">
        <v>30</v>
      </c>
      <c r="W11" s="37" t="s">
        <v>418</v>
      </c>
      <c r="X11" s="37" t="s">
        <v>419</v>
      </c>
      <c r="Y11" s="37" t="s">
        <v>420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 t="s">
        <v>421</v>
      </c>
    </row>
    <row r="12" spans="1:43" s="46" customFormat="1" ht="9.75" customHeight="1">
      <c r="A12" s="193"/>
      <c r="B12" s="190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88" t="s">
        <v>422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79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423</v>
      </c>
      <c r="I14" s="33" t="s">
        <v>133</v>
      </c>
      <c r="J14" s="59" t="s">
        <v>424</v>
      </c>
      <c r="K14" s="132" t="s">
        <v>376</v>
      </c>
      <c r="L14" s="33"/>
      <c r="M14" s="133" t="s">
        <v>30</v>
      </c>
      <c r="N14" s="60" t="s">
        <v>425</v>
      </c>
      <c r="O14" s="61"/>
      <c r="P14" s="61"/>
      <c r="Q14" s="34"/>
      <c r="R14" s="33"/>
      <c r="S14" s="61"/>
      <c r="T14" s="134" t="s">
        <v>426</v>
      </c>
      <c r="U14" s="61"/>
      <c r="V14" s="59" t="s">
        <v>30</v>
      </c>
      <c r="W14" s="60" t="s">
        <v>418</v>
      </c>
      <c r="X14" s="60" t="s">
        <v>419</v>
      </c>
      <c r="Y14" s="60" t="s">
        <v>420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 t="s">
        <v>421</v>
      </c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88" t="s">
        <v>427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79"/>
      <c r="G17" s="33"/>
      <c r="H17" s="59" t="s">
        <v>428</v>
      </c>
      <c r="I17" s="33" t="s">
        <v>133</v>
      </c>
      <c r="J17" s="59" t="s">
        <v>429</v>
      </c>
      <c r="K17" s="132" t="s">
        <v>430</v>
      </c>
      <c r="L17" s="33"/>
      <c r="M17" s="133" t="s">
        <v>30</v>
      </c>
      <c r="N17" s="60" t="s">
        <v>431</v>
      </c>
      <c r="O17" s="61"/>
      <c r="P17" s="61"/>
      <c r="Q17" s="34"/>
      <c r="R17" s="33"/>
      <c r="S17" s="61"/>
      <c r="T17" s="134" t="s">
        <v>432</v>
      </c>
      <c r="U17" s="61"/>
      <c r="V17" s="59" t="s">
        <v>30</v>
      </c>
      <c r="W17" s="60" t="s">
        <v>433</v>
      </c>
      <c r="X17" s="60" t="s">
        <v>30</v>
      </c>
      <c r="Y17" s="60" t="s">
        <v>434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79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02</v>
      </c>
      <c r="Q19" s="188" t="s">
        <v>103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431</v>
      </c>
      <c r="T20" s="134" t="s">
        <v>432</v>
      </c>
      <c r="U20" s="61"/>
      <c r="V20" s="59" t="s">
        <v>30</v>
      </c>
      <c r="W20" s="60" t="s">
        <v>433</v>
      </c>
      <c r="X20" s="60" t="s">
        <v>30</v>
      </c>
      <c r="Y20" s="60" t="s">
        <v>434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33"/>
      <c r="D21" s="131"/>
      <c r="E21" s="33"/>
      <c r="F21" s="58"/>
      <c r="G21" s="33"/>
      <c r="H21" s="59"/>
      <c r="I21" s="33"/>
      <c r="J21" s="59"/>
      <c r="K21" s="132"/>
      <c r="L21" s="33"/>
      <c r="M21" s="133"/>
      <c r="N21" s="60"/>
      <c r="O21" s="61"/>
      <c r="P21" s="187"/>
      <c r="Q21" s="180"/>
      <c r="R21" s="33"/>
      <c r="S21" s="61"/>
      <c r="T21" s="134"/>
      <c r="U21" s="61"/>
      <c r="V21" s="59"/>
      <c r="W21" s="60"/>
      <c r="X21" s="60"/>
      <c r="Y21" s="60"/>
      <c r="Z21" s="135"/>
      <c r="AA21" s="27"/>
      <c r="AB21" s="27"/>
      <c r="AC21" s="27"/>
      <c r="AD21" s="28"/>
      <c r="AE21" s="29"/>
      <c r="AF21" s="29"/>
      <c r="AG21" s="29"/>
      <c r="AH21" s="27"/>
      <c r="AI21" s="27"/>
      <c r="AJ21" s="27"/>
      <c r="AK21" s="27"/>
      <c r="AL21" s="28"/>
      <c r="AM21" s="29"/>
      <c r="AN21" s="29"/>
      <c r="AO21" s="30"/>
    </row>
    <row r="22" spans="1:41" s="46" customFormat="1" ht="9.75" customHeight="1">
      <c r="A22" s="57"/>
      <c r="B22" s="141"/>
      <c r="C22" s="33"/>
      <c r="D22" s="34"/>
      <c r="E22" s="175" t="s">
        <v>36</v>
      </c>
      <c r="F22" s="188" t="s">
        <v>435</v>
      </c>
      <c r="G22" s="48"/>
      <c r="H22" s="50"/>
      <c r="I22" s="48"/>
      <c r="J22" s="50"/>
      <c r="K22" s="128"/>
      <c r="L22" s="48"/>
      <c r="M22" s="129"/>
      <c r="N22" s="51"/>
      <c r="O22" s="52"/>
      <c r="P22" s="52"/>
      <c r="Q22" s="76"/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41"/>
      <c r="C23" s="33"/>
      <c r="D23" s="141"/>
      <c r="E23" s="176"/>
      <c r="F23" s="179"/>
      <c r="G23" s="33"/>
      <c r="H23" s="59" t="s">
        <v>436</v>
      </c>
      <c r="I23" s="33" t="s">
        <v>133</v>
      </c>
      <c r="J23" s="59" t="s">
        <v>437</v>
      </c>
      <c r="K23" s="132" t="s">
        <v>30</v>
      </c>
      <c r="L23" s="33"/>
      <c r="M23" s="133" t="s">
        <v>30</v>
      </c>
      <c r="N23" s="60" t="s">
        <v>438</v>
      </c>
      <c r="O23" s="61"/>
      <c r="P23" s="61"/>
      <c r="Q23" s="58"/>
      <c r="R23" s="33"/>
      <c r="S23" s="61"/>
      <c r="T23" s="134" t="s">
        <v>439</v>
      </c>
      <c r="U23" s="61"/>
      <c r="V23" s="59" t="s">
        <v>30</v>
      </c>
      <c r="W23" s="60" t="s">
        <v>30</v>
      </c>
      <c r="X23" s="60" t="s">
        <v>30</v>
      </c>
      <c r="Y23" s="60" t="s">
        <v>440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41"/>
      <c r="C24" s="33"/>
      <c r="D24" s="141"/>
      <c r="E24" s="176"/>
      <c r="F24" s="179"/>
      <c r="G24" s="33"/>
      <c r="H24" s="59"/>
      <c r="I24" s="33"/>
      <c r="J24" s="59"/>
      <c r="K24" s="132"/>
      <c r="L24" s="33"/>
      <c r="M24" s="133"/>
      <c r="N24" s="60"/>
      <c r="O24" s="61"/>
      <c r="P24" s="61"/>
      <c r="Q24" s="58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141"/>
      <c r="E25" s="33"/>
      <c r="F25" s="34"/>
      <c r="G25" s="33"/>
      <c r="H25" s="59"/>
      <c r="I25" s="33"/>
      <c r="J25" s="59"/>
      <c r="K25" s="132"/>
      <c r="L25" s="33"/>
      <c r="M25" s="133"/>
      <c r="N25" s="60"/>
      <c r="O25" s="61"/>
      <c r="P25" s="185" t="s">
        <v>21</v>
      </c>
      <c r="Q25" s="178" t="s">
        <v>300</v>
      </c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41"/>
      <c r="E26" s="33"/>
      <c r="F26" s="34"/>
      <c r="G26" s="33"/>
      <c r="H26" s="59"/>
      <c r="I26" s="33"/>
      <c r="J26" s="59"/>
      <c r="K26" s="132"/>
      <c r="L26" s="33"/>
      <c r="M26" s="133"/>
      <c r="N26" s="60"/>
      <c r="O26" s="61"/>
      <c r="P26" s="186"/>
      <c r="Q26" s="179"/>
      <c r="R26" s="33"/>
      <c r="S26" s="61" t="s">
        <v>441</v>
      </c>
      <c r="T26" s="134" t="s">
        <v>442</v>
      </c>
      <c r="U26" s="61"/>
      <c r="V26" s="59" t="s">
        <v>30</v>
      </c>
      <c r="W26" s="60" t="s">
        <v>30</v>
      </c>
      <c r="X26" s="60" t="s">
        <v>30</v>
      </c>
      <c r="Y26" s="60" t="s">
        <v>443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41"/>
      <c r="E27" s="33"/>
      <c r="F27" s="34"/>
      <c r="G27" s="33"/>
      <c r="H27" s="59"/>
      <c r="I27" s="33"/>
      <c r="J27" s="59"/>
      <c r="K27" s="132"/>
      <c r="L27" s="33"/>
      <c r="M27" s="133"/>
      <c r="N27" s="60"/>
      <c r="O27" s="61"/>
      <c r="P27" s="187"/>
      <c r="Q27" s="180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57"/>
      <c r="B28" s="131"/>
      <c r="C28" s="33"/>
      <c r="D28" s="131"/>
      <c r="E28" s="33"/>
      <c r="F28" s="34"/>
      <c r="G28" s="33"/>
      <c r="H28" s="59"/>
      <c r="I28" s="33"/>
      <c r="J28" s="59"/>
      <c r="K28" s="132"/>
      <c r="L28" s="33"/>
      <c r="M28" s="133"/>
      <c r="N28" s="60"/>
      <c r="O28" s="61"/>
      <c r="P28" s="185" t="s">
        <v>52</v>
      </c>
      <c r="Q28" s="178" t="s">
        <v>444</v>
      </c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31"/>
      <c r="C29" s="33"/>
      <c r="D29" s="131"/>
      <c r="E29" s="33"/>
      <c r="F29" s="34"/>
      <c r="G29" s="33"/>
      <c r="H29" s="59"/>
      <c r="I29" s="33"/>
      <c r="J29" s="59"/>
      <c r="K29" s="132"/>
      <c r="L29" s="33"/>
      <c r="M29" s="133"/>
      <c r="N29" s="60"/>
      <c r="O29" s="61"/>
      <c r="P29" s="186"/>
      <c r="Q29" s="179"/>
      <c r="R29" s="33"/>
      <c r="S29" s="61" t="s">
        <v>445</v>
      </c>
      <c r="T29" s="134" t="s">
        <v>446</v>
      </c>
      <c r="U29" s="61"/>
      <c r="V29" s="59" t="s">
        <v>30</v>
      </c>
      <c r="W29" s="60" t="s">
        <v>30</v>
      </c>
      <c r="X29" s="60" t="s">
        <v>30</v>
      </c>
      <c r="Y29" s="60" t="s">
        <v>447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31"/>
      <c r="C30" s="33"/>
      <c r="D30" s="131"/>
      <c r="E30" s="33"/>
      <c r="F30" s="34"/>
      <c r="G30" s="33"/>
      <c r="H30" s="59"/>
      <c r="I30" s="33"/>
      <c r="J30" s="59"/>
      <c r="K30" s="132"/>
      <c r="L30" s="33"/>
      <c r="M30" s="133"/>
      <c r="N30" s="60"/>
      <c r="O30" s="61"/>
      <c r="P30" s="187"/>
      <c r="Q30" s="180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131"/>
      <c r="E31" s="33"/>
      <c r="F31" s="58"/>
      <c r="G31" s="33"/>
      <c r="H31" s="59"/>
      <c r="I31" s="33"/>
      <c r="J31" s="59"/>
      <c r="K31" s="132"/>
      <c r="L31" s="33"/>
      <c r="M31" s="133"/>
      <c r="N31" s="60"/>
      <c r="O31" s="61"/>
      <c r="P31" s="185" t="s">
        <v>57</v>
      </c>
      <c r="Q31" s="178" t="s">
        <v>448</v>
      </c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31"/>
      <c r="E32" s="33"/>
      <c r="F32" s="58"/>
      <c r="G32" s="33"/>
      <c r="H32" s="59"/>
      <c r="I32" s="33"/>
      <c r="J32" s="59"/>
      <c r="K32" s="132"/>
      <c r="L32" s="33"/>
      <c r="M32" s="133"/>
      <c r="N32" s="60"/>
      <c r="O32" s="61"/>
      <c r="P32" s="186"/>
      <c r="Q32" s="179"/>
      <c r="R32" s="33"/>
      <c r="S32" s="61" t="s">
        <v>449</v>
      </c>
      <c r="T32" s="134" t="s">
        <v>450</v>
      </c>
      <c r="U32" s="61"/>
      <c r="V32" s="59" t="s">
        <v>30</v>
      </c>
      <c r="W32" s="60" t="s">
        <v>30</v>
      </c>
      <c r="X32" s="60" t="s">
        <v>30</v>
      </c>
      <c r="Y32" s="60" t="s">
        <v>451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33"/>
      <c r="D33" s="131"/>
      <c r="E33" s="33"/>
      <c r="F33" s="58"/>
      <c r="G33" s="33"/>
      <c r="H33" s="59"/>
      <c r="I33" s="33"/>
      <c r="J33" s="59"/>
      <c r="K33" s="132"/>
      <c r="L33" s="33"/>
      <c r="M33" s="133"/>
      <c r="N33" s="60"/>
      <c r="O33" s="61"/>
      <c r="P33" s="187"/>
      <c r="Q33" s="180"/>
      <c r="R33" s="33"/>
      <c r="S33" s="61"/>
      <c r="T33" s="134"/>
      <c r="U33" s="61"/>
      <c r="V33" s="59"/>
      <c r="W33" s="60"/>
      <c r="X33" s="60"/>
      <c r="Y33" s="60"/>
      <c r="Z33" s="135"/>
      <c r="AA33" s="27"/>
      <c r="AB33" s="27"/>
      <c r="AC33" s="27"/>
      <c r="AD33" s="28"/>
      <c r="AE33" s="29"/>
      <c r="AF33" s="29"/>
      <c r="AG33" s="29"/>
      <c r="AH33" s="27"/>
      <c r="AI33" s="27"/>
      <c r="AJ33" s="27"/>
      <c r="AK33" s="27"/>
      <c r="AL33" s="28"/>
      <c r="AM33" s="29"/>
      <c r="AN33" s="29"/>
      <c r="AO33" s="30"/>
    </row>
    <row r="34" spans="1:41" s="46" customFormat="1" ht="9.75" customHeight="1">
      <c r="A34" s="57"/>
      <c r="B34" s="131"/>
      <c r="C34" s="33"/>
      <c r="D34" s="131"/>
      <c r="E34" s="33"/>
      <c r="F34" s="58"/>
      <c r="G34" s="33"/>
      <c r="H34" s="59"/>
      <c r="I34" s="33"/>
      <c r="J34" s="59"/>
      <c r="K34" s="132"/>
      <c r="L34" s="33"/>
      <c r="M34" s="133"/>
      <c r="N34" s="60"/>
      <c r="O34" s="61"/>
      <c r="P34" s="185" t="s">
        <v>352</v>
      </c>
      <c r="Q34" s="178" t="s">
        <v>353</v>
      </c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31"/>
      <c r="C35" s="33"/>
      <c r="D35" s="131"/>
      <c r="E35" s="33"/>
      <c r="F35" s="58"/>
      <c r="G35" s="33"/>
      <c r="H35" s="59"/>
      <c r="I35" s="33"/>
      <c r="J35" s="59"/>
      <c r="K35" s="132"/>
      <c r="L35" s="33"/>
      <c r="M35" s="133"/>
      <c r="N35" s="60"/>
      <c r="O35" s="61"/>
      <c r="P35" s="186"/>
      <c r="Q35" s="179"/>
      <c r="R35" s="33"/>
      <c r="S35" s="61" t="s">
        <v>452</v>
      </c>
      <c r="T35" s="134" t="s">
        <v>30</v>
      </c>
      <c r="U35" s="61"/>
      <c r="V35" s="59" t="s">
        <v>30</v>
      </c>
      <c r="W35" s="60" t="s">
        <v>30</v>
      </c>
      <c r="X35" s="60" t="s">
        <v>30</v>
      </c>
      <c r="Y35" s="60" t="s">
        <v>452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31"/>
      <c r="C36" s="33"/>
      <c r="D36" s="131"/>
      <c r="E36" s="33"/>
      <c r="F36" s="58"/>
      <c r="G36" s="33"/>
      <c r="H36" s="59"/>
      <c r="I36" s="33"/>
      <c r="J36" s="59"/>
      <c r="K36" s="132"/>
      <c r="L36" s="33"/>
      <c r="M36" s="133"/>
      <c r="N36" s="60"/>
      <c r="O36" s="61"/>
      <c r="P36" s="187"/>
      <c r="Q36" s="180"/>
      <c r="R36" s="33"/>
      <c r="S36" s="61"/>
      <c r="T36" s="134"/>
      <c r="U36" s="61"/>
      <c r="V36" s="59"/>
      <c r="W36" s="60"/>
      <c r="X36" s="60"/>
      <c r="Y36" s="60"/>
      <c r="Z36" s="135"/>
      <c r="AA36" s="27"/>
      <c r="AB36" s="27"/>
      <c r="AC36" s="27"/>
      <c r="AD36" s="28"/>
      <c r="AE36" s="29"/>
      <c r="AF36" s="29"/>
      <c r="AG36" s="29"/>
      <c r="AH36" s="27"/>
      <c r="AI36" s="27"/>
      <c r="AJ36" s="27"/>
      <c r="AK36" s="27"/>
      <c r="AL36" s="28"/>
      <c r="AM36" s="29"/>
      <c r="AN36" s="29"/>
      <c r="AO36" s="30"/>
    </row>
    <row r="37" spans="1:41" s="46" customFormat="1" ht="9.75" customHeight="1">
      <c r="A37" s="57"/>
      <c r="B37" s="131"/>
      <c r="C37" s="33"/>
      <c r="D37" s="131"/>
      <c r="E37" s="33"/>
      <c r="F37" s="58"/>
      <c r="G37" s="33"/>
      <c r="H37" s="59"/>
      <c r="I37" s="33"/>
      <c r="J37" s="59"/>
      <c r="K37" s="132"/>
      <c r="L37" s="33"/>
      <c r="M37" s="133"/>
      <c r="N37" s="60"/>
      <c r="O37" s="61"/>
      <c r="P37" s="185" t="s">
        <v>302</v>
      </c>
      <c r="Q37" s="178" t="s">
        <v>303</v>
      </c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31"/>
      <c r="C38" s="33"/>
      <c r="D38" s="131"/>
      <c r="E38" s="33"/>
      <c r="F38" s="58"/>
      <c r="G38" s="33"/>
      <c r="H38" s="59"/>
      <c r="I38" s="33"/>
      <c r="J38" s="59"/>
      <c r="K38" s="132"/>
      <c r="L38" s="33"/>
      <c r="M38" s="133"/>
      <c r="N38" s="60"/>
      <c r="O38" s="61"/>
      <c r="P38" s="186"/>
      <c r="Q38" s="179"/>
      <c r="R38" s="33"/>
      <c r="S38" s="61" t="s">
        <v>453</v>
      </c>
      <c r="T38" s="134" t="s">
        <v>454</v>
      </c>
      <c r="U38" s="61"/>
      <c r="V38" s="59" t="s">
        <v>30</v>
      </c>
      <c r="W38" s="60" t="s">
        <v>30</v>
      </c>
      <c r="X38" s="60" t="s">
        <v>30</v>
      </c>
      <c r="Y38" s="60" t="s">
        <v>455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31"/>
      <c r="C39" s="33"/>
      <c r="D39" s="131"/>
      <c r="E39" s="33"/>
      <c r="F39" s="58"/>
      <c r="G39" s="33"/>
      <c r="H39" s="59"/>
      <c r="I39" s="33"/>
      <c r="J39" s="59"/>
      <c r="K39" s="132"/>
      <c r="L39" s="33"/>
      <c r="M39" s="133"/>
      <c r="N39" s="60"/>
      <c r="O39" s="61"/>
      <c r="P39" s="187"/>
      <c r="Q39" s="180"/>
      <c r="R39" s="33"/>
      <c r="S39" s="61"/>
      <c r="T39" s="134"/>
      <c r="U39" s="61"/>
      <c r="V39" s="59"/>
      <c r="W39" s="60"/>
      <c r="X39" s="60"/>
      <c r="Y39" s="60"/>
      <c r="Z39" s="135"/>
      <c r="AA39" s="27"/>
      <c r="AB39" s="27"/>
      <c r="AC39" s="27"/>
      <c r="AD39" s="28"/>
      <c r="AE39" s="29"/>
      <c r="AF39" s="29"/>
      <c r="AG39" s="29"/>
      <c r="AH39" s="27"/>
      <c r="AI39" s="27"/>
      <c r="AJ39" s="27"/>
      <c r="AK39" s="27"/>
      <c r="AL39" s="28"/>
      <c r="AM39" s="29"/>
      <c r="AN39" s="29"/>
      <c r="AO39" s="30"/>
    </row>
    <row r="40" spans="1:41" s="46" customFormat="1" ht="9.75" customHeight="1">
      <c r="A40" s="57"/>
      <c r="B40" s="131"/>
      <c r="C40" s="33"/>
      <c r="D40" s="131"/>
      <c r="E40" s="33"/>
      <c r="F40" s="58"/>
      <c r="G40" s="33"/>
      <c r="H40" s="59"/>
      <c r="I40" s="33"/>
      <c r="J40" s="59"/>
      <c r="K40" s="132"/>
      <c r="L40" s="33"/>
      <c r="M40" s="133"/>
      <c r="N40" s="60"/>
      <c r="O40" s="61"/>
      <c r="P40" s="185" t="s">
        <v>89</v>
      </c>
      <c r="Q40" s="178" t="s">
        <v>90</v>
      </c>
      <c r="R40" s="48"/>
      <c r="S40" s="52"/>
      <c r="T40" s="130"/>
      <c r="U40" s="52"/>
      <c r="V40" s="50"/>
      <c r="W40" s="51"/>
      <c r="X40" s="51"/>
      <c r="Y40" s="51"/>
      <c r="Z40" s="122" t="s">
        <v>3</v>
      </c>
      <c r="AA40" s="55"/>
      <c r="AB40" s="55"/>
      <c r="AC40" s="55"/>
      <c r="AD40" s="56"/>
      <c r="AE40" s="19"/>
      <c r="AF40" s="19"/>
      <c r="AG40" s="19"/>
      <c r="AH40" s="55"/>
      <c r="AI40" s="55"/>
      <c r="AJ40" s="55"/>
      <c r="AK40" s="55"/>
      <c r="AL40" s="56"/>
      <c r="AM40" s="19"/>
      <c r="AN40" s="19"/>
      <c r="AO40" s="26"/>
    </row>
    <row r="41" spans="1:41" s="46" customFormat="1" ht="9.75" customHeight="1">
      <c r="A41" s="57"/>
      <c r="B41" s="131"/>
      <c r="C41" s="33"/>
      <c r="D41" s="131"/>
      <c r="E41" s="33"/>
      <c r="F41" s="58"/>
      <c r="G41" s="33"/>
      <c r="H41" s="59"/>
      <c r="I41" s="33"/>
      <c r="J41" s="59"/>
      <c r="K41" s="132"/>
      <c r="L41" s="33"/>
      <c r="M41" s="133"/>
      <c r="N41" s="60"/>
      <c r="O41" s="61"/>
      <c r="P41" s="186"/>
      <c r="Q41" s="179"/>
      <c r="R41" s="33"/>
      <c r="S41" s="61" t="s">
        <v>456</v>
      </c>
      <c r="T41" s="134" t="s">
        <v>457</v>
      </c>
      <c r="U41" s="61"/>
      <c r="V41" s="59" t="s">
        <v>30</v>
      </c>
      <c r="W41" s="60" t="s">
        <v>30</v>
      </c>
      <c r="X41" s="60" t="s">
        <v>30</v>
      </c>
      <c r="Y41" s="60" t="s">
        <v>458</v>
      </c>
      <c r="Z41" s="135"/>
      <c r="AA41" s="27"/>
      <c r="AB41" s="27"/>
      <c r="AC41" s="27"/>
      <c r="AD41" s="28"/>
      <c r="AE41" s="29"/>
      <c r="AF41" s="29"/>
      <c r="AG41" s="29"/>
      <c r="AH41" s="27"/>
      <c r="AI41" s="27"/>
      <c r="AJ41" s="27"/>
      <c r="AK41" s="27"/>
      <c r="AL41" s="28"/>
      <c r="AM41" s="29"/>
      <c r="AN41" s="29"/>
      <c r="AO41" s="30"/>
    </row>
    <row r="42" spans="1:41" s="46" customFormat="1" ht="9.75" customHeight="1">
      <c r="A42" s="57"/>
      <c r="B42" s="131"/>
      <c r="C42" s="33"/>
      <c r="D42" s="131"/>
      <c r="E42" s="33"/>
      <c r="F42" s="58"/>
      <c r="G42" s="33"/>
      <c r="H42" s="59"/>
      <c r="I42" s="33"/>
      <c r="J42" s="59"/>
      <c r="K42" s="132"/>
      <c r="L42" s="33"/>
      <c r="M42" s="133"/>
      <c r="N42" s="60"/>
      <c r="O42" s="61"/>
      <c r="P42" s="187"/>
      <c r="Q42" s="180"/>
      <c r="R42" s="33"/>
      <c r="S42" s="61"/>
      <c r="T42" s="134"/>
      <c r="U42" s="61"/>
      <c r="V42" s="59"/>
      <c r="W42" s="60"/>
      <c r="X42" s="60"/>
      <c r="Y42" s="60"/>
      <c r="Z42" s="135"/>
      <c r="AA42" s="27"/>
      <c r="AB42" s="27"/>
      <c r="AC42" s="27"/>
      <c r="AD42" s="28"/>
      <c r="AE42" s="29"/>
      <c r="AF42" s="29"/>
      <c r="AG42" s="29"/>
      <c r="AH42" s="27"/>
      <c r="AI42" s="27"/>
      <c r="AJ42" s="27"/>
      <c r="AK42" s="27"/>
      <c r="AL42" s="28"/>
      <c r="AM42" s="29"/>
      <c r="AN42" s="29"/>
      <c r="AO42" s="30"/>
    </row>
    <row r="43" spans="1:41" s="46" customFormat="1" ht="9.75" customHeight="1">
      <c r="A43" s="57"/>
      <c r="B43" s="131"/>
      <c r="C43" s="33"/>
      <c r="D43" s="131"/>
      <c r="E43" s="33"/>
      <c r="F43" s="58"/>
      <c r="G43" s="33"/>
      <c r="H43" s="59"/>
      <c r="I43" s="33"/>
      <c r="J43" s="59"/>
      <c r="K43" s="132"/>
      <c r="L43" s="33"/>
      <c r="M43" s="133"/>
      <c r="N43" s="60"/>
      <c r="O43" s="61"/>
      <c r="P43" s="185" t="s">
        <v>94</v>
      </c>
      <c r="Q43" s="178" t="s">
        <v>95</v>
      </c>
      <c r="R43" s="48"/>
      <c r="S43" s="52"/>
      <c r="T43" s="130"/>
      <c r="U43" s="52"/>
      <c r="V43" s="50"/>
      <c r="W43" s="51"/>
      <c r="X43" s="51"/>
      <c r="Y43" s="51"/>
      <c r="Z43" s="122" t="s">
        <v>3</v>
      </c>
      <c r="AA43" s="55"/>
      <c r="AB43" s="55"/>
      <c r="AC43" s="55"/>
      <c r="AD43" s="56"/>
      <c r="AE43" s="19"/>
      <c r="AF43" s="19"/>
      <c r="AG43" s="19"/>
      <c r="AH43" s="55"/>
      <c r="AI43" s="55"/>
      <c r="AJ43" s="55"/>
      <c r="AK43" s="55"/>
      <c r="AL43" s="56"/>
      <c r="AM43" s="19"/>
      <c r="AN43" s="19"/>
      <c r="AO43" s="26"/>
    </row>
    <row r="44" spans="1:41" s="46" customFormat="1" ht="9.75" customHeight="1">
      <c r="A44" s="57"/>
      <c r="B44" s="131"/>
      <c r="C44" s="33"/>
      <c r="D44" s="131"/>
      <c r="E44" s="33"/>
      <c r="F44" s="58"/>
      <c r="G44" s="33"/>
      <c r="H44" s="59"/>
      <c r="I44" s="33"/>
      <c r="J44" s="59"/>
      <c r="K44" s="132"/>
      <c r="L44" s="33"/>
      <c r="M44" s="133"/>
      <c r="N44" s="60"/>
      <c r="O44" s="61"/>
      <c r="P44" s="186"/>
      <c r="Q44" s="179"/>
      <c r="R44" s="33"/>
      <c r="S44" s="61" t="s">
        <v>459</v>
      </c>
      <c r="T44" s="134" t="s">
        <v>460</v>
      </c>
      <c r="U44" s="61"/>
      <c r="V44" s="59" t="s">
        <v>30</v>
      </c>
      <c r="W44" s="60" t="s">
        <v>30</v>
      </c>
      <c r="X44" s="60" t="s">
        <v>30</v>
      </c>
      <c r="Y44" s="60" t="s">
        <v>461</v>
      </c>
      <c r="Z44" s="135"/>
      <c r="AA44" s="27"/>
      <c r="AB44" s="27"/>
      <c r="AC44" s="27"/>
      <c r="AD44" s="28"/>
      <c r="AE44" s="29"/>
      <c r="AF44" s="29"/>
      <c r="AG44" s="29"/>
      <c r="AH44" s="27"/>
      <c r="AI44" s="27"/>
      <c r="AJ44" s="27"/>
      <c r="AK44" s="27"/>
      <c r="AL44" s="28"/>
      <c r="AM44" s="29"/>
      <c r="AN44" s="29"/>
      <c r="AO44" s="30"/>
    </row>
    <row r="45" spans="1:41" s="46" customFormat="1" ht="9.75" customHeight="1">
      <c r="A45" s="57"/>
      <c r="B45" s="131"/>
      <c r="C45" s="33"/>
      <c r="D45" s="131"/>
      <c r="E45" s="33"/>
      <c r="F45" s="58"/>
      <c r="G45" s="33"/>
      <c r="H45" s="59"/>
      <c r="I45" s="33"/>
      <c r="J45" s="59"/>
      <c r="K45" s="132"/>
      <c r="L45" s="33"/>
      <c r="M45" s="133"/>
      <c r="N45" s="60"/>
      <c r="O45" s="61"/>
      <c r="P45" s="187"/>
      <c r="Q45" s="180"/>
      <c r="R45" s="33"/>
      <c r="S45" s="61"/>
      <c r="T45" s="134"/>
      <c r="U45" s="61"/>
      <c r="V45" s="59"/>
      <c r="W45" s="60"/>
      <c r="X45" s="60"/>
      <c r="Y45" s="60"/>
      <c r="Z45" s="135"/>
      <c r="AA45" s="27"/>
      <c r="AB45" s="27"/>
      <c r="AC45" s="27"/>
      <c r="AD45" s="28"/>
      <c r="AE45" s="29"/>
      <c r="AF45" s="29"/>
      <c r="AG45" s="29"/>
      <c r="AH45" s="27"/>
      <c r="AI45" s="27"/>
      <c r="AJ45" s="27"/>
      <c r="AK45" s="27"/>
      <c r="AL45" s="28"/>
      <c r="AM45" s="29"/>
      <c r="AN45" s="29"/>
      <c r="AO45" s="30"/>
    </row>
    <row r="46" spans="1:41" s="46" customFormat="1" ht="9.75" customHeight="1">
      <c r="A46" s="57"/>
      <c r="B46" s="131"/>
      <c r="C46" s="33"/>
      <c r="D46" s="131"/>
      <c r="E46" s="33"/>
      <c r="F46" s="58"/>
      <c r="G46" s="33"/>
      <c r="H46" s="59"/>
      <c r="I46" s="33"/>
      <c r="J46" s="59"/>
      <c r="K46" s="132"/>
      <c r="L46" s="33"/>
      <c r="M46" s="133"/>
      <c r="N46" s="60"/>
      <c r="O46" s="61"/>
      <c r="P46" s="185" t="s">
        <v>307</v>
      </c>
      <c r="Q46" s="178" t="s">
        <v>308</v>
      </c>
      <c r="R46" s="48"/>
      <c r="S46" s="52"/>
      <c r="T46" s="130"/>
      <c r="U46" s="52"/>
      <c r="V46" s="50"/>
      <c r="W46" s="51"/>
      <c r="X46" s="51"/>
      <c r="Y46" s="51"/>
      <c r="Z46" s="122" t="s">
        <v>3</v>
      </c>
      <c r="AA46" s="55"/>
      <c r="AB46" s="55"/>
      <c r="AC46" s="55"/>
      <c r="AD46" s="56"/>
      <c r="AE46" s="19"/>
      <c r="AF46" s="19"/>
      <c r="AG46" s="19"/>
      <c r="AH46" s="55"/>
      <c r="AI46" s="55"/>
      <c r="AJ46" s="55"/>
      <c r="AK46" s="55"/>
      <c r="AL46" s="56"/>
      <c r="AM46" s="19"/>
      <c r="AN46" s="19"/>
      <c r="AO46" s="26"/>
    </row>
    <row r="47" spans="1:41" s="46" customFormat="1" ht="9.75" customHeight="1">
      <c r="A47" s="57"/>
      <c r="B47" s="131"/>
      <c r="C47" s="33"/>
      <c r="D47" s="131"/>
      <c r="E47" s="33"/>
      <c r="F47" s="58"/>
      <c r="G47" s="33"/>
      <c r="H47" s="59"/>
      <c r="I47" s="33"/>
      <c r="J47" s="59"/>
      <c r="K47" s="132"/>
      <c r="L47" s="33"/>
      <c r="M47" s="133"/>
      <c r="N47" s="60"/>
      <c r="O47" s="61"/>
      <c r="P47" s="186"/>
      <c r="Q47" s="179"/>
      <c r="R47" s="33"/>
      <c r="S47" s="61" t="s">
        <v>462</v>
      </c>
      <c r="T47" s="134" t="s">
        <v>463</v>
      </c>
      <c r="U47" s="61"/>
      <c r="V47" s="59" t="s">
        <v>30</v>
      </c>
      <c r="W47" s="60" t="s">
        <v>30</v>
      </c>
      <c r="X47" s="60" t="s">
        <v>30</v>
      </c>
      <c r="Y47" s="60" t="s">
        <v>464</v>
      </c>
      <c r="Z47" s="135"/>
      <c r="AA47" s="27"/>
      <c r="AB47" s="27"/>
      <c r="AC47" s="27"/>
      <c r="AD47" s="28"/>
      <c r="AE47" s="29"/>
      <c r="AF47" s="29"/>
      <c r="AG47" s="29"/>
      <c r="AH47" s="27"/>
      <c r="AI47" s="27"/>
      <c r="AJ47" s="27"/>
      <c r="AK47" s="27"/>
      <c r="AL47" s="28"/>
      <c r="AM47" s="29"/>
      <c r="AN47" s="29"/>
      <c r="AO47" s="30"/>
    </row>
    <row r="48" spans="1:41" s="46" customFormat="1" ht="9.75" customHeight="1">
      <c r="A48" s="57"/>
      <c r="B48" s="131"/>
      <c r="C48" s="33"/>
      <c r="D48" s="131"/>
      <c r="E48" s="33"/>
      <c r="F48" s="58"/>
      <c r="G48" s="33"/>
      <c r="H48" s="59"/>
      <c r="I48" s="33"/>
      <c r="J48" s="59"/>
      <c r="K48" s="132"/>
      <c r="L48" s="33"/>
      <c r="M48" s="133"/>
      <c r="N48" s="60"/>
      <c r="O48" s="61"/>
      <c r="P48" s="187"/>
      <c r="Q48" s="180"/>
      <c r="R48" s="33"/>
      <c r="S48" s="61"/>
      <c r="T48" s="134"/>
      <c r="U48" s="61"/>
      <c r="V48" s="59"/>
      <c r="W48" s="60"/>
      <c r="X48" s="60"/>
      <c r="Y48" s="60"/>
      <c r="Z48" s="135"/>
      <c r="AA48" s="27"/>
      <c r="AB48" s="27"/>
      <c r="AC48" s="27"/>
      <c r="AD48" s="28"/>
      <c r="AE48" s="29"/>
      <c r="AF48" s="29"/>
      <c r="AG48" s="29"/>
      <c r="AH48" s="27"/>
      <c r="AI48" s="27"/>
      <c r="AJ48" s="27"/>
      <c r="AK48" s="27"/>
      <c r="AL48" s="28"/>
      <c r="AM48" s="29"/>
      <c r="AN48" s="29"/>
      <c r="AO48" s="30"/>
    </row>
    <row r="49" spans="1:41" s="46" customFormat="1" ht="9.75" customHeight="1">
      <c r="A49" s="57"/>
      <c r="B49" s="131"/>
      <c r="C49" s="33"/>
      <c r="D49" s="131"/>
      <c r="E49" s="33"/>
      <c r="F49" s="58"/>
      <c r="G49" s="33"/>
      <c r="H49" s="59"/>
      <c r="I49" s="33"/>
      <c r="J49" s="59"/>
      <c r="K49" s="132"/>
      <c r="L49" s="33"/>
      <c r="M49" s="133"/>
      <c r="N49" s="60"/>
      <c r="O49" s="61"/>
      <c r="P49" s="185" t="s">
        <v>97</v>
      </c>
      <c r="Q49" s="188" t="s">
        <v>98</v>
      </c>
      <c r="R49" s="48"/>
      <c r="S49" s="52"/>
      <c r="T49" s="130"/>
      <c r="U49" s="52"/>
      <c r="V49" s="50"/>
      <c r="W49" s="51"/>
      <c r="X49" s="51"/>
      <c r="Y49" s="51"/>
      <c r="Z49" s="122" t="s">
        <v>3</v>
      </c>
      <c r="AA49" s="55"/>
      <c r="AB49" s="55"/>
      <c r="AC49" s="55"/>
      <c r="AD49" s="56"/>
      <c r="AE49" s="19"/>
      <c r="AF49" s="19"/>
      <c r="AG49" s="19"/>
      <c r="AH49" s="55"/>
      <c r="AI49" s="55"/>
      <c r="AJ49" s="55"/>
      <c r="AK49" s="55"/>
      <c r="AL49" s="56"/>
      <c r="AM49" s="19"/>
      <c r="AN49" s="19"/>
      <c r="AO49" s="26"/>
    </row>
    <row r="50" spans="1:41" s="46" customFormat="1" ht="9.75" customHeight="1">
      <c r="A50" s="57"/>
      <c r="B50" s="131"/>
      <c r="C50" s="33"/>
      <c r="D50" s="131"/>
      <c r="E50" s="33"/>
      <c r="F50" s="58"/>
      <c r="G50" s="33"/>
      <c r="H50" s="59"/>
      <c r="I50" s="33"/>
      <c r="J50" s="59"/>
      <c r="K50" s="132"/>
      <c r="L50" s="33"/>
      <c r="M50" s="133"/>
      <c r="N50" s="60"/>
      <c r="O50" s="61"/>
      <c r="P50" s="186"/>
      <c r="Q50" s="179"/>
      <c r="R50" s="33"/>
      <c r="S50" s="61" t="s">
        <v>465</v>
      </c>
      <c r="T50" s="134" t="s">
        <v>466</v>
      </c>
      <c r="U50" s="61"/>
      <c r="V50" s="59" t="s">
        <v>30</v>
      </c>
      <c r="W50" s="60" t="s">
        <v>30</v>
      </c>
      <c r="X50" s="60" t="s">
        <v>30</v>
      </c>
      <c r="Y50" s="60" t="s">
        <v>467</v>
      </c>
      <c r="Z50" s="135"/>
      <c r="AA50" s="27"/>
      <c r="AB50" s="27"/>
      <c r="AC50" s="27"/>
      <c r="AD50" s="28"/>
      <c r="AE50" s="29"/>
      <c r="AF50" s="29"/>
      <c r="AG50" s="29"/>
      <c r="AH50" s="27"/>
      <c r="AI50" s="27"/>
      <c r="AJ50" s="27"/>
      <c r="AK50" s="27"/>
      <c r="AL50" s="28"/>
      <c r="AM50" s="29"/>
      <c r="AN50" s="29"/>
      <c r="AO50" s="30"/>
    </row>
    <row r="51" spans="1:41" s="46" customFormat="1" ht="9.75" customHeight="1">
      <c r="A51" s="57"/>
      <c r="B51" s="131"/>
      <c r="C51" s="33"/>
      <c r="D51" s="131"/>
      <c r="E51" s="33"/>
      <c r="F51" s="58"/>
      <c r="G51" s="33"/>
      <c r="H51" s="59"/>
      <c r="I51" s="33"/>
      <c r="J51" s="59"/>
      <c r="K51" s="132"/>
      <c r="L51" s="33"/>
      <c r="M51" s="133"/>
      <c r="N51" s="60"/>
      <c r="O51" s="61"/>
      <c r="P51" s="187"/>
      <c r="Q51" s="180"/>
      <c r="R51" s="33"/>
      <c r="S51" s="61"/>
      <c r="T51" s="134"/>
      <c r="U51" s="61"/>
      <c r="V51" s="59"/>
      <c r="W51" s="60"/>
      <c r="X51" s="60"/>
      <c r="Y51" s="60"/>
      <c r="Z51" s="135"/>
      <c r="AA51" s="27"/>
      <c r="AB51" s="27"/>
      <c r="AC51" s="27"/>
      <c r="AD51" s="28"/>
      <c r="AE51" s="29"/>
      <c r="AF51" s="29"/>
      <c r="AG51" s="29"/>
      <c r="AH51" s="27"/>
      <c r="AI51" s="27"/>
      <c r="AJ51" s="27"/>
      <c r="AK51" s="27"/>
      <c r="AL51" s="28"/>
      <c r="AM51" s="29"/>
      <c r="AN51" s="29"/>
      <c r="AO51" s="30"/>
    </row>
    <row r="52" spans="1:41" s="46" customFormat="1" ht="9.75" customHeight="1">
      <c r="A52" s="57"/>
      <c r="B52" s="131"/>
      <c r="C52" s="33"/>
      <c r="D52" s="131"/>
      <c r="E52" s="33"/>
      <c r="F52" s="58"/>
      <c r="G52" s="33"/>
      <c r="H52" s="59"/>
      <c r="I52" s="33"/>
      <c r="J52" s="59"/>
      <c r="K52" s="132"/>
      <c r="L52" s="33"/>
      <c r="M52" s="133"/>
      <c r="N52" s="60"/>
      <c r="O52" s="61"/>
      <c r="P52" s="185" t="s">
        <v>468</v>
      </c>
      <c r="Q52" s="178" t="s">
        <v>469</v>
      </c>
      <c r="R52" s="48"/>
      <c r="S52" s="52"/>
      <c r="T52" s="130"/>
      <c r="U52" s="52"/>
      <c r="V52" s="50"/>
      <c r="W52" s="51"/>
      <c r="X52" s="51"/>
      <c r="Y52" s="51"/>
      <c r="Z52" s="122" t="s">
        <v>3</v>
      </c>
      <c r="AA52" s="55"/>
      <c r="AB52" s="55"/>
      <c r="AC52" s="55"/>
      <c r="AD52" s="56"/>
      <c r="AE52" s="19"/>
      <c r="AF52" s="19"/>
      <c r="AG52" s="19"/>
      <c r="AH52" s="55"/>
      <c r="AI52" s="55"/>
      <c r="AJ52" s="55"/>
      <c r="AK52" s="55"/>
      <c r="AL52" s="56"/>
      <c r="AM52" s="19"/>
      <c r="AN52" s="19"/>
      <c r="AO52" s="26"/>
    </row>
    <row r="53" spans="1:41" s="46" customFormat="1" ht="9.75" customHeight="1">
      <c r="A53" s="57"/>
      <c r="B53" s="131"/>
      <c r="C53" s="33"/>
      <c r="D53" s="131"/>
      <c r="E53" s="33"/>
      <c r="F53" s="58"/>
      <c r="G53" s="33"/>
      <c r="H53" s="59"/>
      <c r="I53" s="33"/>
      <c r="J53" s="59"/>
      <c r="K53" s="132"/>
      <c r="L53" s="33"/>
      <c r="M53" s="133"/>
      <c r="N53" s="60"/>
      <c r="O53" s="61"/>
      <c r="P53" s="186"/>
      <c r="Q53" s="179"/>
      <c r="R53" s="33"/>
      <c r="S53" s="61" t="s">
        <v>470</v>
      </c>
      <c r="T53" s="134" t="s">
        <v>30</v>
      </c>
      <c r="U53" s="61"/>
      <c r="V53" s="59" t="s">
        <v>30</v>
      </c>
      <c r="W53" s="60" t="s">
        <v>30</v>
      </c>
      <c r="X53" s="60" t="s">
        <v>30</v>
      </c>
      <c r="Y53" s="60" t="s">
        <v>470</v>
      </c>
      <c r="Z53" s="135"/>
      <c r="AA53" s="27"/>
      <c r="AB53" s="27"/>
      <c r="AC53" s="27"/>
      <c r="AD53" s="28"/>
      <c r="AE53" s="29"/>
      <c r="AF53" s="29"/>
      <c r="AG53" s="29"/>
      <c r="AH53" s="27"/>
      <c r="AI53" s="27"/>
      <c r="AJ53" s="27"/>
      <c r="AK53" s="27"/>
      <c r="AL53" s="28"/>
      <c r="AM53" s="29"/>
      <c r="AN53" s="29"/>
      <c r="AO53" s="30"/>
    </row>
    <row r="54" spans="1:41" s="46" customFormat="1" ht="9.75" customHeight="1">
      <c r="A54" s="57"/>
      <c r="B54" s="131"/>
      <c r="C54" s="33"/>
      <c r="D54" s="131"/>
      <c r="E54" s="33"/>
      <c r="F54" s="58"/>
      <c r="G54" s="33"/>
      <c r="H54" s="59"/>
      <c r="I54" s="33"/>
      <c r="J54" s="59"/>
      <c r="K54" s="132"/>
      <c r="L54" s="33"/>
      <c r="M54" s="133"/>
      <c r="N54" s="60"/>
      <c r="O54" s="61"/>
      <c r="P54" s="187"/>
      <c r="Q54" s="180"/>
      <c r="R54" s="33"/>
      <c r="S54" s="61"/>
      <c r="T54" s="134"/>
      <c r="U54" s="61"/>
      <c r="V54" s="59"/>
      <c r="W54" s="60"/>
      <c r="X54" s="60"/>
      <c r="Y54" s="60"/>
      <c r="Z54" s="135"/>
      <c r="AA54" s="27"/>
      <c r="AB54" s="27"/>
      <c r="AC54" s="27"/>
      <c r="AD54" s="28"/>
      <c r="AE54" s="29"/>
      <c r="AF54" s="29"/>
      <c r="AG54" s="29"/>
      <c r="AH54" s="27"/>
      <c r="AI54" s="27"/>
      <c r="AJ54" s="27"/>
      <c r="AK54" s="27"/>
      <c r="AL54" s="28"/>
      <c r="AM54" s="29"/>
      <c r="AN54" s="29"/>
      <c r="AO54" s="30"/>
    </row>
    <row r="55" spans="1:41" s="46" customFormat="1" ht="9.75" customHeight="1">
      <c r="A55" s="57"/>
      <c r="B55" s="131"/>
      <c r="C55" s="33"/>
      <c r="D55" s="131"/>
      <c r="E55" s="33"/>
      <c r="F55" s="58"/>
      <c r="G55" s="33"/>
      <c r="H55" s="59"/>
      <c r="I55" s="33"/>
      <c r="J55" s="59"/>
      <c r="K55" s="132"/>
      <c r="L55" s="33"/>
      <c r="M55" s="133"/>
      <c r="N55" s="60"/>
      <c r="O55" s="61"/>
      <c r="P55" s="185" t="s">
        <v>471</v>
      </c>
      <c r="Q55" s="178" t="s">
        <v>472</v>
      </c>
      <c r="R55" s="48"/>
      <c r="S55" s="52"/>
      <c r="T55" s="130"/>
      <c r="U55" s="52"/>
      <c r="V55" s="50"/>
      <c r="W55" s="51"/>
      <c r="X55" s="51"/>
      <c r="Y55" s="51"/>
      <c r="Z55" s="122" t="s">
        <v>3</v>
      </c>
      <c r="AA55" s="55"/>
      <c r="AB55" s="55"/>
      <c r="AC55" s="55"/>
      <c r="AD55" s="56"/>
      <c r="AE55" s="19"/>
      <c r="AF55" s="19"/>
      <c r="AG55" s="19"/>
      <c r="AH55" s="55"/>
      <c r="AI55" s="55"/>
      <c r="AJ55" s="55"/>
      <c r="AK55" s="55"/>
      <c r="AL55" s="56"/>
      <c r="AM55" s="19"/>
      <c r="AN55" s="19"/>
      <c r="AO55" s="26"/>
    </row>
    <row r="56" spans="1:41" s="46" customFormat="1" ht="9.75" customHeight="1">
      <c r="A56" s="57"/>
      <c r="B56" s="131"/>
      <c r="C56" s="33"/>
      <c r="D56" s="131"/>
      <c r="E56" s="33"/>
      <c r="F56" s="58"/>
      <c r="G56" s="33"/>
      <c r="H56" s="59"/>
      <c r="I56" s="33"/>
      <c r="J56" s="59"/>
      <c r="K56" s="132"/>
      <c r="L56" s="33"/>
      <c r="M56" s="133"/>
      <c r="N56" s="60"/>
      <c r="O56" s="61"/>
      <c r="P56" s="186"/>
      <c r="Q56" s="179"/>
      <c r="R56" s="33"/>
      <c r="S56" s="61" t="s">
        <v>473</v>
      </c>
      <c r="T56" s="134" t="s">
        <v>474</v>
      </c>
      <c r="U56" s="61"/>
      <c r="V56" s="59" t="s">
        <v>30</v>
      </c>
      <c r="W56" s="60" t="s">
        <v>30</v>
      </c>
      <c r="X56" s="60" t="s">
        <v>30</v>
      </c>
      <c r="Y56" s="60" t="s">
        <v>475</v>
      </c>
      <c r="Z56" s="135"/>
      <c r="AA56" s="27"/>
      <c r="AB56" s="27"/>
      <c r="AC56" s="27"/>
      <c r="AD56" s="28"/>
      <c r="AE56" s="29"/>
      <c r="AF56" s="29"/>
      <c r="AG56" s="29"/>
      <c r="AH56" s="27"/>
      <c r="AI56" s="27"/>
      <c r="AJ56" s="27"/>
      <c r="AK56" s="27"/>
      <c r="AL56" s="28"/>
      <c r="AM56" s="29"/>
      <c r="AN56" s="29"/>
      <c r="AO56" s="30"/>
    </row>
    <row r="57" spans="1:41" s="46" customFormat="1" ht="9.75" customHeight="1">
      <c r="A57" s="57"/>
      <c r="B57" s="131"/>
      <c r="C57" s="33"/>
      <c r="D57" s="131"/>
      <c r="E57" s="33"/>
      <c r="F57" s="58"/>
      <c r="G57" s="33"/>
      <c r="H57" s="59"/>
      <c r="I57" s="33"/>
      <c r="J57" s="59"/>
      <c r="K57" s="132"/>
      <c r="L57" s="33"/>
      <c r="M57" s="133"/>
      <c r="N57" s="60"/>
      <c r="O57" s="61"/>
      <c r="P57" s="187"/>
      <c r="Q57" s="180"/>
      <c r="R57" s="33"/>
      <c r="S57" s="61"/>
      <c r="T57" s="134"/>
      <c r="U57" s="61"/>
      <c r="V57" s="59"/>
      <c r="W57" s="60"/>
      <c r="X57" s="60"/>
      <c r="Y57" s="60"/>
      <c r="Z57" s="135"/>
      <c r="AA57" s="27"/>
      <c r="AB57" s="27"/>
      <c r="AC57" s="27"/>
      <c r="AD57" s="28"/>
      <c r="AE57" s="29"/>
      <c r="AF57" s="29"/>
      <c r="AG57" s="29"/>
      <c r="AH57" s="27"/>
      <c r="AI57" s="27"/>
      <c r="AJ57" s="27"/>
      <c r="AK57" s="27"/>
      <c r="AL57" s="28"/>
      <c r="AM57" s="29"/>
      <c r="AN57" s="29"/>
      <c r="AO57" s="30"/>
    </row>
    <row r="58" spans="1:41" s="46" customFormat="1" ht="9.75" customHeight="1">
      <c r="A58" s="57"/>
      <c r="B58" s="141"/>
      <c r="C58" s="33"/>
      <c r="D58" s="34"/>
      <c r="E58" s="175" t="s">
        <v>52</v>
      </c>
      <c r="F58" s="189" t="s">
        <v>476</v>
      </c>
      <c r="G58" s="48"/>
      <c r="H58" s="50"/>
      <c r="I58" s="48"/>
      <c r="J58" s="50"/>
      <c r="K58" s="128"/>
      <c r="L58" s="48"/>
      <c r="M58" s="129"/>
      <c r="N58" s="51"/>
      <c r="O58" s="52"/>
      <c r="P58" s="52"/>
      <c r="Q58" s="76"/>
      <c r="R58" s="48"/>
      <c r="S58" s="52"/>
      <c r="T58" s="130"/>
      <c r="U58" s="52"/>
      <c r="V58" s="50"/>
      <c r="W58" s="51"/>
      <c r="X58" s="51"/>
      <c r="Y58" s="51"/>
      <c r="Z58" s="122" t="s">
        <v>3</v>
      </c>
      <c r="AA58" s="55"/>
      <c r="AB58" s="55"/>
      <c r="AC58" s="55"/>
      <c r="AD58" s="56"/>
      <c r="AE58" s="19"/>
      <c r="AF58" s="19"/>
      <c r="AG58" s="19"/>
      <c r="AH58" s="55"/>
      <c r="AI58" s="55"/>
      <c r="AJ58" s="55"/>
      <c r="AK58" s="55"/>
      <c r="AL58" s="56"/>
      <c r="AM58" s="19"/>
      <c r="AN58" s="19"/>
      <c r="AO58" s="26"/>
    </row>
    <row r="59" spans="1:41" s="46" customFormat="1" ht="9.75" customHeight="1">
      <c r="A59" s="57"/>
      <c r="B59" s="141"/>
      <c r="C59" s="33"/>
      <c r="D59" s="141"/>
      <c r="E59" s="176"/>
      <c r="F59" s="190"/>
      <c r="G59" s="33"/>
      <c r="H59" s="59" t="s">
        <v>477</v>
      </c>
      <c r="I59" s="33" t="s">
        <v>133</v>
      </c>
      <c r="J59" s="59" t="s">
        <v>478</v>
      </c>
      <c r="K59" s="132" t="s">
        <v>30</v>
      </c>
      <c r="L59" s="33"/>
      <c r="M59" s="133" t="s">
        <v>30</v>
      </c>
      <c r="N59" s="60" t="s">
        <v>479</v>
      </c>
      <c r="O59" s="61"/>
      <c r="P59" s="61"/>
      <c r="Q59" s="58"/>
      <c r="R59" s="33"/>
      <c r="S59" s="61"/>
      <c r="T59" s="134" t="s">
        <v>480</v>
      </c>
      <c r="U59" s="61"/>
      <c r="V59" s="59" t="s">
        <v>30</v>
      </c>
      <c r="W59" s="60" t="s">
        <v>30</v>
      </c>
      <c r="X59" s="60" t="s">
        <v>30</v>
      </c>
      <c r="Y59" s="60" t="s">
        <v>481</v>
      </c>
      <c r="Z59" s="135"/>
      <c r="AA59" s="27"/>
      <c r="AB59" s="27"/>
      <c r="AC59" s="27"/>
      <c r="AD59" s="28"/>
      <c r="AE59" s="29"/>
      <c r="AF59" s="29"/>
      <c r="AG59" s="29"/>
      <c r="AH59" s="27"/>
      <c r="AI59" s="27"/>
      <c r="AJ59" s="27"/>
      <c r="AK59" s="27"/>
      <c r="AL59" s="28"/>
      <c r="AM59" s="29"/>
      <c r="AN59" s="29"/>
      <c r="AO59" s="30"/>
    </row>
    <row r="60" spans="1:41" s="46" customFormat="1" ht="9.75" customHeight="1">
      <c r="A60" s="57"/>
      <c r="B60" s="141"/>
      <c r="C60" s="33"/>
      <c r="D60" s="141"/>
      <c r="E60" s="176"/>
      <c r="F60" s="190"/>
      <c r="G60" s="33"/>
      <c r="H60" s="59"/>
      <c r="I60" s="33"/>
      <c r="J60" s="59"/>
      <c r="K60" s="132"/>
      <c r="L60" s="33"/>
      <c r="M60" s="133"/>
      <c r="N60" s="60"/>
      <c r="O60" s="61"/>
      <c r="P60" s="61"/>
      <c r="Q60" s="58"/>
      <c r="R60" s="33"/>
      <c r="S60" s="61"/>
      <c r="T60" s="134"/>
      <c r="U60" s="61"/>
      <c r="V60" s="59"/>
      <c r="W60" s="60"/>
      <c r="X60" s="60"/>
      <c r="Y60" s="60"/>
      <c r="Z60" s="135"/>
      <c r="AA60" s="27"/>
      <c r="AB60" s="27"/>
      <c r="AC60" s="27"/>
      <c r="AD60" s="28"/>
      <c r="AE60" s="29"/>
      <c r="AF60" s="29"/>
      <c r="AG60" s="29"/>
      <c r="AH60" s="27"/>
      <c r="AI60" s="27"/>
      <c r="AJ60" s="27"/>
      <c r="AK60" s="27"/>
      <c r="AL60" s="28"/>
      <c r="AM60" s="29"/>
      <c r="AN60" s="29"/>
      <c r="AO60" s="30"/>
    </row>
    <row r="61" spans="1:41" s="46" customFormat="1" ht="9.75" customHeight="1">
      <c r="A61" s="57"/>
      <c r="B61" s="131"/>
      <c r="C61" s="33"/>
      <c r="D61" s="141"/>
      <c r="E61" s="33"/>
      <c r="F61" s="34"/>
      <c r="G61" s="33"/>
      <c r="H61" s="59"/>
      <c r="I61" s="33"/>
      <c r="J61" s="59"/>
      <c r="K61" s="132"/>
      <c r="L61" s="33"/>
      <c r="M61" s="133"/>
      <c r="N61" s="60"/>
      <c r="O61" s="61"/>
      <c r="P61" s="185" t="s">
        <v>21</v>
      </c>
      <c r="Q61" s="178" t="s">
        <v>300</v>
      </c>
      <c r="R61" s="48"/>
      <c r="S61" s="52"/>
      <c r="T61" s="130"/>
      <c r="U61" s="52"/>
      <c r="V61" s="50"/>
      <c r="W61" s="51"/>
      <c r="X61" s="51"/>
      <c r="Y61" s="51"/>
      <c r="Z61" s="122" t="s">
        <v>3</v>
      </c>
      <c r="AA61" s="55"/>
      <c r="AB61" s="55"/>
      <c r="AC61" s="55"/>
      <c r="AD61" s="56"/>
      <c r="AE61" s="19"/>
      <c r="AF61" s="19"/>
      <c r="AG61" s="19"/>
      <c r="AH61" s="55"/>
      <c r="AI61" s="55"/>
      <c r="AJ61" s="55"/>
      <c r="AK61" s="55"/>
      <c r="AL61" s="56"/>
      <c r="AM61" s="19"/>
      <c r="AN61" s="19"/>
      <c r="AO61" s="26"/>
    </row>
    <row r="62" spans="1:41" s="46" customFormat="1" ht="9.75" customHeight="1">
      <c r="A62" s="57"/>
      <c r="B62" s="131"/>
      <c r="C62" s="33"/>
      <c r="D62" s="141"/>
      <c r="E62" s="33"/>
      <c r="F62" s="34"/>
      <c r="G62" s="33"/>
      <c r="H62" s="59"/>
      <c r="I62" s="33"/>
      <c r="J62" s="59"/>
      <c r="K62" s="132"/>
      <c r="L62" s="33"/>
      <c r="M62" s="133"/>
      <c r="N62" s="60"/>
      <c r="O62" s="61"/>
      <c r="P62" s="186"/>
      <c r="Q62" s="179"/>
      <c r="R62" s="33"/>
      <c r="S62" s="61" t="s">
        <v>482</v>
      </c>
      <c r="T62" s="134" t="s">
        <v>483</v>
      </c>
      <c r="U62" s="61"/>
      <c r="V62" s="59" t="s">
        <v>30</v>
      </c>
      <c r="W62" s="60" t="s">
        <v>30</v>
      </c>
      <c r="X62" s="60" t="s">
        <v>30</v>
      </c>
      <c r="Y62" s="60" t="s">
        <v>484</v>
      </c>
      <c r="Z62" s="135"/>
      <c r="AA62" s="27"/>
      <c r="AB62" s="27"/>
      <c r="AC62" s="27"/>
      <c r="AD62" s="28"/>
      <c r="AE62" s="29"/>
      <c r="AF62" s="29"/>
      <c r="AG62" s="29"/>
      <c r="AH62" s="27"/>
      <c r="AI62" s="27"/>
      <c r="AJ62" s="27"/>
      <c r="AK62" s="27"/>
      <c r="AL62" s="28"/>
      <c r="AM62" s="29"/>
      <c r="AN62" s="29"/>
      <c r="AO62" s="30"/>
    </row>
    <row r="63" spans="1:41" s="46" customFormat="1" ht="9.75" customHeight="1">
      <c r="A63" s="57"/>
      <c r="B63" s="131"/>
      <c r="C63" s="33"/>
      <c r="D63" s="141"/>
      <c r="E63" s="33"/>
      <c r="F63" s="34"/>
      <c r="G63" s="33"/>
      <c r="H63" s="59"/>
      <c r="I63" s="33"/>
      <c r="J63" s="59"/>
      <c r="K63" s="132"/>
      <c r="L63" s="33"/>
      <c r="M63" s="133"/>
      <c r="N63" s="60"/>
      <c r="O63" s="61"/>
      <c r="P63" s="187"/>
      <c r="Q63" s="180"/>
      <c r="R63" s="33"/>
      <c r="S63" s="61"/>
      <c r="T63" s="134"/>
      <c r="U63" s="61"/>
      <c r="V63" s="59"/>
      <c r="W63" s="60"/>
      <c r="X63" s="60"/>
      <c r="Y63" s="60"/>
      <c r="Z63" s="135"/>
      <c r="AA63" s="27"/>
      <c r="AB63" s="27"/>
      <c r="AC63" s="27"/>
      <c r="AD63" s="28"/>
      <c r="AE63" s="29"/>
      <c r="AF63" s="29"/>
      <c r="AG63" s="29"/>
      <c r="AH63" s="27"/>
      <c r="AI63" s="27"/>
      <c r="AJ63" s="27"/>
      <c r="AK63" s="27"/>
      <c r="AL63" s="28"/>
      <c r="AM63" s="29"/>
      <c r="AN63" s="29"/>
      <c r="AO63" s="30"/>
    </row>
    <row r="64" spans="1:41" s="46" customFormat="1" ht="9.75" customHeight="1">
      <c r="A64" s="57"/>
      <c r="B64" s="131"/>
      <c r="C64" s="33"/>
      <c r="D64" s="131"/>
      <c r="E64" s="33"/>
      <c r="F64" s="34"/>
      <c r="G64" s="33"/>
      <c r="H64" s="59"/>
      <c r="I64" s="33"/>
      <c r="J64" s="59"/>
      <c r="K64" s="132"/>
      <c r="L64" s="33"/>
      <c r="M64" s="133"/>
      <c r="N64" s="60"/>
      <c r="O64" s="61"/>
      <c r="P64" s="185" t="s">
        <v>52</v>
      </c>
      <c r="Q64" s="178" t="s">
        <v>444</v>
      </c>
      <c r="R64" s="48"/>
      <c r="S64" s="52"/>
      <c r="T64" s="130"/>
      <c r="U64" s="52"/>
      <c r="V64" s="50"/>
      <c r="W64" s="51"/>
      <c r="X64" s="51"/>
      <c r="Y64" s="51"/>
      <c r="Z64" s="122" t="s">
        <v>3</v>
      </c>
      <c r="AA64" s="55"/>
      <c r="AB64" s="55"/>
      <c r="AC64" s="55"/>
      <c r="AD64" s="56"/>
      <c r="AE64" s="19"/>
      <c r="AF64" s="19"/>
      <c r="AG64" s="19"/>
      <c r="AH64" s="55"/>
      <c r="AI64" s="55"/>
      <c r="AJ64" s="55"/>
      <c r="AK64" s="55"/>
      <c r="AL64" s="56"/>
      <c r="AM64" s="19"/>
      <c r="AN64" s="19"/>
      <c r="AO64" s="26"/>
    </row>
    <row r="65" spans="1:41" s="46" customFormat="1" ht="9.75" customHeight="1">
      <c r="A65" s="57"/>
      <c r="B65" s="131"/>
      <c r="C65" s="33"/>
      <c r="D65" s="131"/>
      <c r="E65" s="33"/>
      <c r="F65" s="34"/>
      <c r="G65" s="33"/>
      <c r="H65" s="59"/>
      <c r="I65" s="33"/>
      <c r="J65" s="59"/>
      <c r="K65" s="132"/>
      <c r="L65" s="33"/>
      <c r="M65" s="133"/>
      <c r="N65" s="60"/>
      <c r="O65" s="61"/>
      <c r="P65" s="186"/>
      <c r="Q65" s="179"/>
      <c r="R65" s="33"/>
      <c r="S65" s="61" t="s">
        <v>485</v>
      </c>
      <c r="T65" s="134" t="s">
        <v>486</v>
      </c>
      <c r="U65" s="61"/>
      <c r="V65" s="59" t="s">
        <v>30</v>
      </c>
      <c r="W65" s="60" t="s">
        <v>30</v>
      </c>
      <c r="X65" s="60" t="s">
        <v>30</v>
      </c>
      <c r="Y65" s="60" t="s">
        <v>487</v>
      </c>
      <c r="Z65" s="135"/>
      <c r="AA65" s="27"/>
      <c r="AB65" s="27"/>
      <c r="AC65" s="27"/>
      <c r="AD65" s="28"/>
      <c r="AE65" s="29"/>
      <c r="AF65" s="29"/>
      <c r="AG65" s="29"/>
      <c r="AH65" s="27"/>
      <c r="AI65" s="27"/>
      <c r="AJ65" s="27"/>
      <c r="AK65" s="27"/>
      <c r="AL65" s="28"/>
      <c r="AM65" s="29"/>
      <c r="AN65" s="29"/>
      <c r="AO65" s="30"/>
    </row>
    <row r="66" spans="1:41" s="46" customFormat="1" ht="9.75" customHeight="1">
      <c r="A66" s="57"/>
      <c r="B66" s="131"/>
      <c r="C66" s="33"/>
      <c r="D66" s="131"/>
      <c r="E66" s="33"/>
      <c r="F66" s="34"/>
      <c r="G66" s="33"/>
      <c r="H66" s="59"/>
      <c r="I66" s="33"/>
      <c r="J66" s="59"/>
      <c r="K66" s="132"/>
      <c r="L66" s="33"/>
      <c r="M66" s="133"/>
      <c r="N66" s="60"/>
      <c r="O66" s="61"/>
      <c r="P66" s="187"/>
      <c r="Q66" s="180"/>
      <c r="R66" s="33"/>
      <c r="S66" s="61"/>
      <c r="T66" s="134"/>
      <c r="U66" s="61"/>
      <c r="V66" s="59"/>
      <c r="W66" s="60"/>
      <c r="X66" s="60"/>
      <c r="Y66" s="60"/>
      <c r="Z66" s="135"/>
      <c r="AA66" s="27"/>
      <c r="AB66" s="27"/>
      <c r="AC66" s="27"/>
      <c r="AD66" s="28"/>
      <c r="AE66" s="29"/>
      <c r="AF66" s="29"/>
      <c r="AG66" s="29"/>
      <c r="AH66" s="27"/>
      <c r="AI66" s="27"/>
      <c r="AJ66" s="27"/>
      <c r="AK66" s="27"/>
      <c r="AL66" s="28"/>
      <c r="AM66" s="29"/>
      <c r="AN66" s="29"/>
      <c r="AO66" s="30"/>
    </row>
    <row r="67" spans="1:41" s="46" customFormat="1" ht="9.75" customHeight="1">
      <c r="A67" s="57"/>
      <c r="B67" s="131"/>
      <c r="C67" s="33"/>
      <c r="D67" s="131"/>
      <c r="E67" s="33"/>
      <c r="F67" s="58"/>
      <c r="G67" s="33"/>
      <c r="H67" s="59"/>
      <c r="I67" s="33"/>
      <c r="J67" s="59"/>
      <c r="K67" s="132"/>
      <c r="L67" s="33"/>
      <c r="M67" s="133"/>
      <c r="N67" s="60"/>
      <c r="O67" s="61"/>
      <c r="P67" s="185" t="s">
        <v>57</v>
      </c>
      <c r="Q67" s="178" t="s">
        <v>448</v>
      </c>
      <c r="R67" s="48"/>
      <c r="S67" s="52"/>
      <c r="T67" s="130"/>
      <c r="U67" s="52"/>
      <c r="V67" s="50"/>
      <c r="W67" s="51"/>
      <c r="X67" s="51"/>
      <c r="Y67" s="51"/>
      <c r="Z67" s="122" t="s">
        <v>3</v>
      </c>
      <c r="AA67" s="55"/>
      <c r="AB67" s="55"/>
      <c r="AC67" s="55"/>
      <c r="AD67" s="56"/>
      <c r="AE67" s="19"/>
      <c r="AF67" s="19"/>
      <c r="AG67" s="19"/>
      <c r="AH67" s="55"/>
      <c r="AI67" s="55"/>
      <c r="AJ67" s="55"/>
      <c r="AK67" s="55"/>
      <c r="AL67" s="56"/>
      <c r="AM67" s="19"/>
      <c r="AN67" s="19"/>
      <c r="AO67" s="26"/>
    </row>
    <row r="68" spans="1:41" s="46" customFormat="1" ht="9.75" customHeight="1">
      <c r="A68" s="57"/>
      <c r="B68" s="131"/>
      <c r="C68" s="33"/>
      <c r="D68" s="131"/>
      <c r="E68" s="33"/>
      <c r="F68" s="58"/>
      <c r="G68" s="33"/>
      <c r="H68" s="59"/>
      <c r="I68" s="33"/>
      <c r="J68" s="59"/>
      <c r="K68" s="132"/>
      <c r="L68" s="33"/>
      <c r="M68" s="133"/>
      <c r="N68" s="60"/>
      <c r="O68" s="61"/>
      <c r="P68" s="186"/>
      <c r="Q68" s="179"/>
      <c r="R68" s="33"/>
      <c r="S68" s="61" t="s">
        <v>488</v>
      </c>
      <c r="T68" s="134" t="s">
        <v>489</v>
      </c>
      <c r="U68" s="61"/>
      <c r="V68" s="59" t="s">
        <v>30</v>
      </c>
      <c r="W68" s="60" t="s">
        <v>30</v>
      </c>
      <c r="X68" s="60" t="s">
        <v>30</v>
      </c>
      <c r="Y68" s="60" t="s">
        <v>490</v>
      </c>
      <c r="Z68" s="135"/>
      <c r="AA68" s="27"/>
      <c r="AB68" s="27"/>
      <c r="AC68" s="27"/>
      <c r="AD68" s="28"/>
      <c r="AE68" s="29"/>
      <c r="AF68" s="29"/>
      <c r="AG68" s="29"/>
      <c r="AH68" s="27"/>
      <c r="AI68" s="27"/>
      <c r="AJ68" s="27"/>
      <c r="AK68" s="27"/>
      <c r="AL68" s="28"/>
      <c r="AM68" s="29"/>
      <c r="AN68" s="29"/>
      <c r="AO68" s="30"/>
    </row>
    <row r="69" spans="1:41" s="46" customFormat="1" ht="9.75" customHeight="1">
      <c r="A69" s="57"/>
      <c r="B69" s="131"/>
      <c r="C69" s="33"/>
      <c r="D69" s="131"/>
      <c r="E69" s="33"/>
      <c r="F69" s="58"/>
      <c r="G69" s="33"/>
      <c r="H69" s="59"/>
      <c r="I69" s="33"/>
      <c r="J69" s="59"/>
      <c r="K69" s="132"/>
      <c r="L69" s="33"/>
      <c r="M69" s="133"/>
      <c r="N69" s="60"/>
      <c r="O69" s="61"/>
      <c r="P69" s="187"/>
      <c r="Q69" s="180"/>
      <c r="R69" s="33"/>
      <c r="S69" s="61"/>
      <c r="T69" s="134"/>
      <c r="U69" s="61"/>
      <c r="V69" s="59"/>
      <c r="W69" s="60"/>
      <c r="X69" s="60"/>
      <c r="Y69" s="60"/>
      <c r="Z69" s="135"/>
      <c r="AA69" s="27"/>
      <c r="AB69" s="27"/>
      <c r="AC69" s="27"/>
      <c r="AD69" s="28"/>
      <c r="AE69" s="29"/>
      <c r="AF69" s="29"/>
      <c r="AG69" s="29"/>
      <c r="AH69" s="27"/>
      <c r="AI69" s="27"/>
      <c r="AJ69" s="27"/>
      <c r="AK69" s="27"/>
      <c r="AL69" s="28"/>
      <c r="AM69" s="29"/>
      <c r="AN69" s="29"/>
      <c r="AO69" s="30"/>
    </row>
    <row r="70" spans="1:41" s="46" customFormat="1" ht="9.75" customHeight="1">
      <c r="A70" s="57"/>
      <c r="B70" s="131"/>
      <c r="C70" s="33"/>
      <c r="D70" s="131"/>
      <c r="E70" s="33"/>
      <c r="F70" s="58"/>
      <c r="G70" s="33"/>
      <c r="H70" s="59"/>
      <c r="I70" s="33"/>
      <c r="J70" s="59"/>
      <c r="K70" s="132"/>
      <c r="L70" s="33"/>
      <c r="M70" s="133"/>
      <c r="N70" s="60"/>
      <c r="O70" s="61"/>
      <c r="P70" s="185" t="s">
        <v>352</v>
      </c>
      <c r="Q70" s="178" t="s">
        <v>353</v>
      </c>
      <c r="R70" s="48"/>
      <c r="S70" s="52"/>
      <c r="T70" s="130"/>
      <c r="U70" s="52"/>
      <c r="V70" s="50"/>
      <c r="W70" s="51"/>
      <c r="X70" s="51"/>
      <c r="Y70" s="51"/>
      <c r="Z70" s="122" t="s">
        <v>3</v>
      </c>
      <c r="AA70" s="55"/>
      <c r="AB70" s="55"/>
      <c r="AC70" s="55"/>
      <c r="AD70" s="56"/>
      <c r="AE70" s="19"/>
      <c r="AF70" s="19"/>
      <c r="AG70" s="19"/>
      <c r="AH70" s="55"/>
      <c r="AI70" s="55"/>
      <c r="AJ70" s="55"/>
      <c r="AK70" s="55"/>
      <c r="AL70" s="56"/>
      <c r="AM70" s="19"/>
      <c r="AN70" s="19"/>
      <c r="AO70" s="26"/>
    </row>
    <row r="71" spans="1:41" s="46" customFormat="1" ht="9.75" customHeight="1">
      <c r="A71" s="57"/>
      <c r="B71" s="131"/>
      <c r="C71" s="33"/>
      <c r="D71" s="131"/>
      <c r="E71" s="33"/>
      <c r="F71" s="58"/>
      <c r="G71" s="33"/>
      <c r="H71" s="59"/>
      <c r="I71" s="33"/>
      <c r="J71" s="59"/>
      <c r="K71" s="132"/>
      <c r="L71" s="33"/>
      <c r="M71" s="133"/>
      <c r="N71" s="60"/>
      <c r="O71" s="61"/>
      <c r="P71" s="186"/>
      <c r="Q71" s="179"/>
      <c r="R71" s="33"/>
      <c r="S71" s="61" t="s">
        <v>491</v>
      </c>
      <c r="T71" s="134" t="s">
        <v>492</v>
      </c>
      <c r="U71" s="61"/>
      <c r="V71" s="59" t="s">
        <v>30</v>
      </c>
      <c r="W71" s="60" t="s">
        <v>30</v>
      </c>
      <c r="X71" s="60" t="s">
        <v>30</v>
      </c>
      <c r="Y71" s="60" t="s">
        <v>493</v>
      </c>
      <c r="Z71" s="135"/>
      <c r="AA71" s="27"/>
      <c r="AB71" s="27"/>
      <c r="AC71" s="27"/>
      <c r="AD71" s="28"/>
      <c r="AE71" s="29"/>
      <c r="AF71" s="29"/>
      <c r="AG71" s="29"/>
      <c r="AH71" s="27"/>
      <c r="AI71" s="27"/>
      <c r="AJ71" s="27"/>
      <c r="AK71" s="27"/>
      <c r="AL71" s="28"/>
      <c r="AM71" s="29"/>
      <c r="AN71" s="29"/>
      <c r="AO71" s="30"/>
    </row>
    <row r="72" spans="1:41" s="46" customFormat="1" ht="9.75" customHeight="1">
      <c r="A72" s="57"/>
      <c r="B72" s="131"/>
      <c r="C72" s="33"/>
      <c r="D72" s="131"/>
      <c r="E72" s="33"/>
      <c r="F72" s="58"/>
      <c r="G72" s="33"/>
      <c r="H72" s="59"/>
      <c r="I72" s="33"/>
      <c r="J72" s="59"/>
      <c r="K72" s="132"/>
      <c r="L72" s="33"/>
      <c r="M72" s="133"/>
      <c r="N72" s="60"/>
      <c r="O72" s="61"/>
      <c r="P72" s="187"/>
      <c r="Q72" s="180"/>
      <c r="R72" s="33"/>
      <c r="S72" s="61"/>
      <c r="T72" s="134"/>
      <c r="U72" s="61"/>
      <c r="V72" s="59"/>
      <c r="W72" s="60"/>
      <c r="X72" s="60"/>
      <c r="Y72" s="60"/>
      <c r="Z72" s="135"/>
      <c r="AA72" s="27"/>
      <c r="AB72" s="27"/>
      <c r="AC72" s="27"/>
      <c r="AD72" s="28"/>
      <c r="AE72" s="29"/>
      <c r="AF72" s="29"/>
      <c r="AG72" s="29"/>
      <c r="AH72" s="27"/>
      <c r="AI72" s="27"/>
      <c r="AJ72" s="27"/>
      <c r="AK72" s="27"/>
      <c r="AL72" s="28"/>
      <c r="AM72" s="29"/>
      <c r="AN72" s="29"/>
      <c r="AO72" s="30"/>
    </row>
    <row r="73" spans="1:41" s="46" customFormat="1" ht="9.75" customHeight="1">
      <c r="A73" s="57"/>
      <c r="B73" s="131"/>
      <c r="C73" s="33"/>
      <c r="D73" s="131"/>
      <c r="E73" s="33"/>
      <c r="F73" s="58"/>
      <c r="G73" s="33"/>
      <c r="H73" s="59"/>
      <c r="I73" s="33"/>
      <c r="J73" s="59"/>
      <c r="K73" s="132"/>
      <c r="L73" s="33"/>
      <c r="M73" s="133"/>
      <c r="N73" s="60"/>
      <c r="O73" s="61"/>
      <c r="P73" s="185" t="s">
        <v>302</v>
      </c>
      <c r="Q73" s="178" t="s">
        <v>303</v>
      </c>
      <c r="R73" s="48"/>
      <c r="S73" s="52"/>
      <c r="T73" s="130"/>
      <c r="U73" s="52"/>
      <c r="V73" s="50"/>
      <c r="W73" s="51"/>
      <c r="X73" s="51"/>
      <c r="Y73" s="51"/>
      <c r="Z73" s="122" t="s">
        <v>3</v>
      </c>
      <c r="AA73" s="55"/>
      <c r="AB73" s="55"/>
      <c r="AC73" s="55"/>
      <c r="AD73" s="56"/>
      <c r="AE73" s="19"/>
      <c r="AF73" s="19"/>
      <c r="AG73" s="19"/>
      <c r="AH73" s="55"/>
      <c r="AI73" s="55"/>
      <c r="AJ73" s="55"/>
      <c r="AK73" s="55"/>
      <c r="AL73" s="56"/>
      <c r="AM73" s="19"/>
      <c r="AN73" s="19"/>
      <c r="AO73" s="26"/>
    </row>
    <row r="74" spans="1:41" s="46" customFormat="1" ht="9.75" customHeight="1">
      <c r="A74" s="57"/>
      <c r="B74" s="131"/>
      <c r="C74" s="33"/>
      <c r="D74" s="131"/>
      <c r="E74" s="33"/>
      <c r="F74" s="58"/>
      <c r="G74" s="33"/>
      <c r="H74" s="59"/>
      <c r="I74" s="33"/>
      <c r="J74" s="59"/>
      <c r="K74" s="132"/>
      <c r="L74" s="33"/>
      <c r="M74" s="133"/>
      <c r="N74" s="60"/>
      <c r="O74" s="61"/>
      <c r="P74" s="186"/>
      <c r="Q74" s="179"/>
      <c r="R74" s="33"/>
      <c r="S74" s="61" t="s">
        <v>494</v>
      </c>
      <c r="T74" s="134" t="s">
        <v>495</v>
      </c>
      <c r="U74" s="61"/>
      <c r="V74" s="59" t="s">
        <v>30</v>
      </c>
      <c r="W74" s="60" t="s">
        <v>30</v>
      </c>
      <c r="X74" s="60" t="s">
        <v>30</v>
      </c>
      <c r="Y74" s="60" t="s">
        <v>496</v>
      </c>
      <c r="Z74" s="135"/>
      <c r="AA74" s="27"/>
      <c r="AB74" s="27"/>
      <c r="AC74" s="27"/>
      <c r="AD74" s="28"/>
      <c r="AE74" s="29"/>
      <c r="AF74" s="29"/>
      <c r="AG74" s="29"/>
      <c r="AH74" s="27"/>
      <c r="AI74" s="27"/>
      <c r="AJ74" s="27"/>
      <c r="AK74" s="27"/>
      <c r="AL74" s="28"/>
      <c r="AM74" s="29"/>
      <c r="AN74" s="29"/>
      <c r="AO74" s="30"/>
    </row>
    <row r="75" spans="1:41" s="46" customFormat="1" ht="9.75" customHeight="1">
      <c r="A75" s="57"/>
      <c r="B75" s="131"/>
      <c r="C75" s="33"/>
      <c r="D75" s="131"/>
      <c r="E75" s="33"/>
      <c r="F75" s="58"/>
      <c r="G75" s="33"/>
      <c r="H75" s="59"/>
      <c r="I75" s="33"/>
      <c r="J75" s="59"/>
      <c r="K75" s="132"/>
      <c r="L75" s="33"/>
      <c r="M75" s="133"/>
      <c r="N75" s="60"/>
      <c r="O75" s="61"/>
      <c r="P75" s="187"/>
      <c r="Q75" s="180"/>
      <c r="R75" s="33"/>
      <c r="S75" s="61"/>
      <c r="T75" s="134"/>
      <c r="U75" s="61"/>
      <c r="V75" s="59"/>
      <c r="W75" s="60"/>
      <c r="X75" s="60"/>
      <c r="Y75" s="60"/>
      <c r="Z75" s="135"/>
      <c r="AA75" s="27"/>
      <c r="AB75" s="27"/>
      <c r="AC75" s="27"/>
      <c r="AD75" s="28"/>
      <c r="AE75" s="29"/>
      <c r="AF75" s="29"/>
      <c r="AG75" s="29"/>
      <c r="AH75" s="27"/>
      <c r="AI75" s="27"/>
      <c r="AJ75" s="27"/>
      <c r="AK75" s="27"/>
      <c r="AL75" s="28"/>
      <c r="AM75" s="29"/>
      <c r="AN75" s="29"/>
      <c r="AO75" s="30"/>
    </row>
    <row r="76" spans="1:41" s="46" customFormat="1" ht="9.75" customHeight="1">
      <c r="A76" s="57"/>
      <c r="B76" s="131"/>
      <c r="C76" s="33"/>
      <c r="D76" s="131"/>
      <c r="E76" s="33"/>
      <c r="F76" s="58"/>
      <c r="G76" s="33"/>
      <c r="H76" s="59"/>
      <c r="I76" s="33"/>
      <c r="J76" s="59"/>
      <c r="K76" s="132"/>
      <c r="L76" s="33"/>
      <c r="M76" s="133"/>
      <c r="N76" s="60"/>
      <c r="O76" s="61"/>
      <c r="P76" s="185" t="s">
        <v>89</v>
      </c>
      <c r="Q76" s="178" t="s">
        <v>90</v>
      </c>
      <c r="R76" s="48"/>
      <c r="S76" s="52"/>
      <c r="T76" s="130"/>
      <c r="U76" s="52"/>
      <c r="V76" s="50"/>
      <c r="W76" s="51"/>
      <c r="X76" s="51"/>
      <c r="Y76" s="51"/>
      <c r="Z76" s="122" t="s">
        <v>3</v>
      </c>
      <c r="AA76" s="55"/>
      <c r="AB76" s="55"/>
      <c r="AC76" s="55"/>
      <c r="AD76" s="56"/>
      <c r="AE76" s="19"/>
      <c r="AF76" s="19"/>
      <c r="AG76" s="19"/>
      <c r="AH76" s="55"/>
      <c r="AI76" s="55"/>
      <c r="AJ76" s="55"/>
      <c r="AK76" s="55"/>
      <c r="AL76" s="56"/>
      <c r="AM76" s="19"/>
      <c r="AN76" s="19"/>
      <c r="AO76" s="26"/>
    </row>
    <row r="77" spans="1:41" s="46" customFormat="1" ht="9.75" customHeight="1">
      <c r="A77" s="57"/>
      <c r="B77" s="131"/>
      <c r="C77" s="33"/>
      <c r="D77" s="131"/>
      <c r="E77" s="33"/>
      <c r="F77" s="58"/>
      <c r="G77" s="33"/>
      <c r="H77" s="59"/>
      <c r="I77" s="33"/>
      <c r="J77" s="59"/>
      <c r="K77" s="132"/>
      <c r="L77" s="33"/>
      <c r="M77" s="133"/>
      <c r="N77" s="60"/>
      <c r="O77" s="61"/>
      <c r="P77" s="186"/>
      <c r="Q77" s="179"/>
      <c r="R77" s="33"/>
      <c r="S77" s="61" t="s">
        <v>497</v>
      </c>
      <c r="T77" s="134" t="s">
        <v>498</v>
      </c>
      <c r="U77" s="61"/>
      <c r="V77" s="59" t="s">
        <v>30</v>
      </c>
      <c r="W77" s="60" t="s">
        <v>30</v>
      </c>
      <c r="X77" s="60" t="s">
        <v>30</v>
      </c>
      <c r="Y77" s="60" t="s">
        <v>499</v>
      </c>
      <c r="Z77" s="135"/>
      <c r="AA77" s="27"/>
      <c r="AB77" s="27"/>
      <c r="AC77" s="27"/>
      <c r="AD77" s="28"/>
      <c r="AE77" s="29"/>
      <c r="AF77" s="29"/>
      <c r="AG77" s="29"/>
      <c r="AH77" s="27"/>
      <c r="AI77" s="27"/>
      <c r="AJ77" s="27"/>
      <c r="AK77" s="27"/>
      <c r="AL77" s="28"/>
      <c r="AM77" s="29"/>
      <c r="AN77" s="29"/>
      <c r="AO77" s="30"/>
    </row>
    <row r="78" spans="1:41" s="46" customFormat="1" ht="9.75" customHeight="1">
      <c r="A78" s="57"/>
      <c r="B78" s="131"/>
      <c r="C78" s="33"/>
      <c r="D78" s="131"/>
      <c r="E78" s="33"/>
      <c r="F78" s="58"/>
      <c r="G78" s="33"/>
      <c r="H78" s="59"/>
      <c r="I78" s="33"/>
      <c r="J78" s="59"/>
      <c r="K78" s="132"/>
      <c r="L78" s="33"/>
      <c r="M78" s="133"/>
      <c r="N78" s="60"/>
      <c r="O78" s="61"/>
      <c r="P78" s="187"/>
      <c r="Q78" s="180"/>
      <c r="R78" s="33"/>
      <c r="S78" s="61"/>
      <c r="T78" s="134"/>
      <c r="U78" s="61"/>
      <c r="V78" s="59"/>
      <c r="W78" s="60"/>
      <c r="X78" s="60"/>
      <c r="Y78" s="60"/>
      <c r="Z78" s="135"/>
      <c r="AA78" s="27"/>
      <c r="AB78" s="27"/>
      <c r="AC78" s="27"/>
      <c r="AD78" s="28"/>
      <c r="AE78" s="29"/>
      <c r="AF78" s="29"/>
      <c r="AG78" s="29"/>
      <c r="AH78" s="27"/>
      <c r="AI78" s="27"/>
      <c r="AJ78" s="27"/>
      <c r="AK78" s="27"/>
      <c r="AL78" s="28"/>
      <c r="AM78" s="29"/>
      <c r="AN78" s="29"/>
      <c r="AO78" s="30"/>
    </row>
    <row r="79" spans="1:41" s="46" customFormat="1" ht="9.75" customHeight="1">
      <c r="A79" s="57"/>
      <c r="B79" s="131"/>
      <c r="C79" s="33"/>
      <c r="D79" s="131"/>
      <c r="E79" s="33"/>
      <c r="F79" s="58"/>
      <c r="G79" s="33"/>
      <c r="H79" s="59"/>
      <c r="I79" s="33"/>
      <c r="J79" s="59"/>
      <c r="K79" s="132"/>
      <c r="L79" s="33"/>
      <c r="M79" s="133"/>
      <c r="N79" s="60"/>
      <c r="O79" s="61"/>
      <c r="P79" s="185" t="s">
        <v>94</v>
      </c>
      <c r="Q79" s="178" t="s">
        <v>95</v>
      </c>
      <c r="R79" s="48"/>
      <c r="S79" s="52"/>
      <c r="T79" s="130"/>
      <c r="U79" s="52"/>
      <c r="V79" s="50"/>
      <c r="W79" s="51"/>
      <c r="X79" s="51"/>
      <c r="Y79" s="51"/>
      <c r="Z79" s="122" t="s">
        <v>3</v>
      </c>
      <c r="AA79" s="55"/>
      <c r="AB79" s="55"/>
      <c r="AC79" s="55"/>
      <c r="AD79" s="56"/>
      <c r="AE79" s="19"/>
      <c r="AF79" s="19"/>
      <c r="AG79" s="19"/>
      <c r="AH79" s="55"/>
      <c r="AI79" s="55"/>
      <c r="AJ79" s="55"/>
      <c r="AK79" s="55"/>
      <c r="AL79" s="56"/>
      <c r="AM79" s="19"/>
      <c r="AN79" s="19"/>
      <c r="AO79" s="26"/>
    </row>
    <row r="80" spans="1:41" s="46" customFormat="1" ht="9.75" customHeight="1">
      <c r="A80" s="57"/>
      <c r="B80" s="131"/>
      <c r="C80" s="33"/>
      <c r="D80" s="131"/>
      <c r="E80" s="33"/>
      <c r="F80" s="58"/>
      <c r="G80" s="33"/>
      <c r="H80" s="59"/>
      <c r="I80" s="33"/>
      <c r="J80" s="59"/>
      <c r="K80" s="132"/>
      <c r="L80" s="33"/>
      <c r="M80" s="133"/>
      <c r="N80" s="60"/>
      <c r="O80" s="61"/>
      <c r="P80" s="186"/>
      <c r="Q80" s="179"/>
      <c r="R80" s="33"/>
      <c r="S80" s="61" t="s">
        <v>500</v>
      </c>
      <c r="T80" s="134" t="s">
        <v>501</v>
      </c>
      <c r="U80" s="61"/>
      <c r="V80" s="59" t="s">
        <v>30</v>
      </c>
      <c r="W80" s="60" t="s">
        <v>30</v>
      </c>
      <c r="X80" s="60" t="s">
        <v>30</v>
      </c>
      <c r="Y80" s="60" t="s">
        <v>502</v>
      </c>
      <c r="Z80" s="135"/>
      <c r="AA80" s="27"/>
      <c r="AB80" s="27"/>
      <c r="AC80" s="27"/>
      <c r="AD80" s="28"/>
      <c r="AE80" s="29"/>
      <c r="AF80" s="29"/>
      <c r="AG80" s="29"/>
      <c r="AH80" s="27"/>
      <c r="AI80" s="27"/>
      <c r="AJ80" s="27"/>
      <c r="AK80" s="27"/>
      <c r="AL80" s="28"/>
      <c r="AM80" s="29"/>
      <c r="AN80" s="29"/>
      <c r="AO80" s="30"/>
    </row>
    <row r="81" spans="1:43" s="46" customFormat="1" ht="9.75" customHeight="1">
      <c r="A81" s="57"/>
      <c r="B81" s="131"/>
      <c r="C81" s="33"/>
      <c r="D81" s="131"/>
      <c r="E81" s="33"/>
      <c r="F81" s="58"/>
      <c r="G81" s="33"/>
      <c r="H81" s="59"/>
      <c r="I81" s="33"/>
      <c r="J81" s="59"/>
      <c r="K81" s="132"/>
      <c r="L81" s="33"/>
      <c r="M81" s="133"/>
      <c r="N81" s="60"/>
      <c r="O81" s="61"/>
      <c r="P81" s="187"/>
      <c r="Q81" s="180"/>
      <c r="R81" s="33"/>
      <c r="S81" s="61"/>
      <c r="T81" s="134"/>
      <c r="U81" s="61"/>
      <c r="V81" s="59"/>
      <c r="W81" s="60"/>
      <c r="X81" s="60"/>
      <c r="Y81" s="60"/>
      <c r="Z81" s="135"/>
      <c r="AA81" s="27"/>
      <c r="AB81" s="27"/>
      <c r="AC81" s="27"/>
      <c r="AD81" s="28"/>
      <c r="AE81" s="29"/>
      <c r="AF81" s="29"/>
      <c r="AG81" s="29"/>
      <c r="AH81" s="27"/>
      <c r="AI81" s="27"/>
      <c r="AJ81" s="27"/>
      <c r="AK81" s="27"/>
      <c r="AL81" s="28"/>
      <c r="AM81" s="29"/>
      <c r="AN81" s="29"/>
      <c r="AO81" s="30"/>
    </row>
    <row r="82" spans="1:43" s="46" customFormat="1" ht="9.75" customHeight="1">
      <c r="A82" s="57"/>
      <c r="B82" s="131"/>
      <c r="C82" s="33"/>
      <c r="D82" s="131"/>
      <c r="E82" s="33"/>
      <c r="F82" s="58"/>
      <c r="G82" s="33"/>
      <c r="H82" s="59"/>
      <c r="I82" s="33"/>
      <c r="J82" s="59"/>
      <c r="K82" s="132"/>
      <c r="L82" s="33"/>
      <c r="M82" s="133"/>
      <c r="N82" s="60"/>
      <c r="O82" s="61"/>
      <c r="P82" s="185" t="s">
        <v>307</v>
      </c>
      <c r="Q82" s="178" t="s">
        <v>308</v>
      </c>
      <c r="R82" s="48"/>
      <c r="S82" s="52"/>
      <c r="T82" s="130"/>
      <c r="U82" s="52"/>
      <c r="V82" s="50"/>
      <c r="W82" s="51"/>
      <c r="X82" s="51"/>
      <c r="Y82" s="51"/>
      <c r="Z82" s="122" t="s">
        <v>3</v>
      </c>
      <c r="AA82" s="55"/>
      <c r="AB82" s="55"/>
      <c r="AC82" s="55"/>
      <c r="AD82" s="56"/>
      <c r="AE82" s="19"/>
      <c r="AF82" s="19"/>
      <c r="AG82" s="19"/>
      <c r="AH82" s="55"/>
      <c r="AI82" s="55"/>
      <c r="AJ82" s="55"/>
      <c r="AK82" s="55"/>
      <c r="AL82" s="56"/>
      <c r="AM82" s="19"/>
      <c r="AN82" s="19"/>
      <c r="AO82" s="26"/>
    </row>
    <row r="83" spans="1:43" s="46" customFormat="1" ht="9.75" customHeight="1">
      <c r="A83" s="57"/>
      <c r="B83" s="131"/>
      <c r="C83" s="33"/>
      <c r="D83" s="131"/>
      <c r="E83" s="33"/>
      <c r="F83" s="58"/>
      <c r="G83" s="33"/>
      <c r="H83" s="59"/>
      <c r="I83" s="33"/>
      <c r="J83" s="59"/>
      <c r="K83" s="132"/>
      <c r="L83" s="33"/>
      <c r="M83" s="133"/>
      <c r="N83" s="60"/>
      <c r="O83" s="61"/>
      <c r="P83" s="186"/>
      <c r="Q83" s="179"/>
      <c r="R83" s="33"/>
      <c r="S83" s="61" t="s">
        <v>503</v>
      </c>
      <c r="T83" s="134" t="s">
        <v>504</v>
      </c>
      <c r="U83" s="61"/>
      <c r="V83" s="59" t="s">
        <v>30</v>
      </c>
      <c r="W83" s="60" t="s">
        <v>30</v>
      </c>
      <c r="X83" s="60" t="s">
        <v>30</v>
      </c>
      <c r="Y83" s="60" t="s">
        <v>505</v>
      </c>
      <c r="Z83" s="135"/>
      <c r="AA83" s="27"/>
      <c r="AB83" s="27"/>
      <c r="AC83" s="27"/>
      <c r="AD83" s="28"/>
      <c r="AE83" s="29"/>
      <c r="AF83" s="29"/>
      <c r="AG83" s="29"/>
      <c r="AH83" s="27"/>
      <c r="AI83" s="27"/>
      <c r="AJ83" s="27"/>
      <c r="AK83" s="27"/>
      <c r="AL83" s="28"/>
      <c r="AM83" s="29"/>
      <c r="AN83" s="29"/>
      <c r="AO83" s="30"/>
    </row>
    <row r="84" spans="1:43" s="46" customFormat="1" ht="9.75" customHeight="1">
      <c r="A84" s="93"/>
      <c r="B84" s="150"/>
      <c r="C84" s="95"/>
      <c r="D84" s="150"/>
      <c r="E84" s="95"/>
      <c r="F84" s="99"/>
      <c r="G84" s="95"/>
      <c r="H84" s="96"/>
      <c r="I84" s="95"/>
      <c r="J84" s="96"/>
      <c r="K84" s="151"/>
      <c r="L84" s="95"/>
      <c r="M84" s="152"/>
      <c r="N84" s="97"/>
      <c r="O84" s="98"/>
      <c r="P84" s="260"/>
      <c r="Q84" s="261"/>
      <c r="R84" s="95"/>
      <c r="S84" s="98"/>
      <c r="T84" s="153"/>
      <c r="U84" s="98"/>
      <c r="V84" s="96"/>
      <c r="W84" s="97"/>
      <c r="X84" s="97"/>
      <c r="Y84" s="97"/>
      <c r="Z84" s="162"/>
      <c r="AA84" s="163"/>
      <c r="AB84" s="163"/>
      <c r="AC84" s="163"/>
      <c r="AD84" s="164"/>
      <c r="AE84" s="165"/>
      <c r="AF84" s="165"/>
      <c r="AG84" s="165"/>
      <c r="AH84" s="163"/>
      <c r="AI84" s="163"/>
      <c r="AJ84" s="163"/>
      <c r="AK84" s="163"/>
      <c r="AL84" s="164"/>
      <c r="AM84" s="165"/>
      <c r="AN84" s="165"/>
      <c r="AO84" s="166"/>
    </row>
    <row r="85" spans="1:43" ht="9.75" customHeight="1">
      <c r="Z85" s="32"/>
      <c r="AA85" s="32"/>
      <c r="AB85" s="32"/>
      <c r="AC85" s="32"/>
      <c r="AD85" s="32"/>
      <c r="AE85" s="32"/>
      <c r="AF85" s="32"/>
      <c r="AG85" s="32"/>
      <c r="AH85" s="32"/>
      <c r="AI85" s="32"/>
      <c r="AJ85" s="32"/>
      <c r="AK85" s="32"/>
      <c r="AL85" s="32"/>
      <c r="AM85" s="32"/>
      <c r="AN85" s="32"/>
      <c r="AO85" s="32"/>
    </row>
    <row r="88" spans="1:43" s="3" customFormat="1" ht="3.75" customHeight="1">
      <c r="A88" s="116"/>
      <c r="B88" s="116"/>
      <c r="C88" s="116"/>
      <c r="D88" s="116"/>
      <c r="E88" s="116"/>
      <c r="F88" s="116"/>
      <c r="G88" s="116"/>
      <c r="H88" s="116"/>
      <c r="I88" s="116"/>
      <c r="J88" s="116"/>
      <c r="K88" s="116"/>
      <c r="L88" s="116"/>
      <c r="M88" s="116"/>
      <c r="N88" s="116"/>
      <c r="O88" s="116"/>
      <c r="P88" s="116"/>
      <c r="Q88" s="116"/>
      <c r="R88" s="116"/>
      <c r="S88" s="116"/>
      <c r="T88" s="116"/>
      <c r="U88" s="116"/>
      <c r="V88" s="116"/>
      <c r="W88" s="116"/>
      <c r="X88" s="116"/>
      <c r="Y88" s="116"/>
      <c r="Z88" s="116"/>
      <c r="AA88" s="116"/>
      <c r="AB88" s="116"/>
      <c r="AC88" s="116"/>
      <c r="AD88" s="116"/>
      <c r="AE88" s="116"/>
      <c r="AF88" s="116"/>
      <c r="AG88" s="116"/>
      <c r="AH88" s="116"/>
      <c r="AI88" s="116"/>
      <c r="AJ88" s="116"/>
      <c r="AK88" s="116"/>
      <c r="AL88" s="116"/>
      <c r="AM88" s="116"/>
      <c r="AN88" s="116"/>
      <c r="AO88" s="116"/>
      <c r="AP88" s="116"/>
      <c r="AQ88" s="116"/>
    </row>
    <row r="89" spans="1:43" s="3" customFormat="1" ht="11.25" customHeight="1">
      <c r="A89" s="4"/>
      <c r="B89" s="4"/>
      <c r="C89" s="4"/>
      <c r="D89" s="4"/>
      <c r="E89" s="4"/>
      <c r="F89" s="4"/>
      <c r="G89" s="4"/>
      <c r="H89" s="4"/>
      <c r="I89" s="4"/>
      <c r="J89" s="4"/>
      <c r="K89" s="4"/>
      <c r="L89" s="4"/>
      <c r="M89" s="4"/>
      <c r="N89" s="4"/>
      <c r="O89" s="4"/>
      <c r="P89" s="4"/>
      <c r="Q89" s="4"/>
      <c r="R89" s="4"/>
      <c r="S89" s="4"/>
      <c r="T89" s="4"/>
      <c r="U89" s="4"/>
      <c r="V89" s="4"/>
      <c r="W89" s="4"/>
      <c r="X89" s="4"/>
      <c r="Y89" s="4"/>
      <c r="Z89" s="4"/>
      <c r="AA89" s="4"/>
      <c r="AB89" s="4"/>
      <c r="AC89" s="4"/>
      <c r="AD89" s="4"/>
      <c r="AE89" s="4"/>
      <c r="AF89" s="4"/>
      <c r="AG89" s="4"/>
      <c r="AH89" s="4"/>
      <c r="AI89" s="4"/>
      <c r="AJ89" s="4"/>
      <c r="AK89" s="4"/>
      <c r="AL89" s="4"/>
      <c r="AM89" s="4"/>
      <c r="AN89" s="4"/>
      <c r="AO89" s="4"/>
      <c r="AP89" s="4"/>
      <c r="AQ89" s="4"/>
    </row>
    <row r="90" spans="1:43" s="3" customFormat="1" ht="26.25" customHeight="1">
      <c r="A90" s="117"/>
      <c r="B90" s="6" t="s">
        <v>68</v>
      </c>
      <c r="C90" s="118"/>
      <c r="D90" s="119" t="s">
        <v>415</v>
      </c>
      <c r="E90" s="6"/>
      <c r="F90" s="6"/>
      <c r="G90" s="6"/>
      <c r="H90" s="6"/>
      <c r="I90" s="6"/>
      <c r="J90" s="6"/>
      <c r="K90" s="6"/>
      <c r="L90" s="6"/>
      <c r="M90" s="6"/>
      <c r="N90" s="6"/>
      <c r="O90" s="6"/>
      <c r="P90" s="6"/>
      <c r="Q90" s="6"/>
      <c r="R90" s="6"/>
      <c r="S90" s="6"/>
      <c r="T90" s="4"/>
      <c r="U90" s="4"/>
      <c r="V90" s="4"/>
      <c r="W90" s="4"/>
      <c r="X90" s="4"/>
      <c r="Y90" s="4"/>
      <c r="Z90" s="4"/>
      <c r="AA90" s="4"/>
      <c r="AB90" s="4"/>
      <c r="AC90" s="4"/>
      <c r="AD90" s="4"/>
      <c r="AE90" s="4"/>
      <c r="AF90" s="4"/>
      <c r="AG90" s="4"/>
      <c r="AH90" s="4"/>
      <c r="AI90" s="4"/>
      <c r="AJ90" s="4"/>
      <c r="AK90" s="4"/>
      <c r="AL90" s="4"/>
      <c r="AM90" s="4"/>
      <c r="AN90" s="4"/>
      <c r="AO90" s="120" t="s">
        <v>3</v>
      </c>
      <c r="AP90" s="4"/>
      <c r="AQ90" s="4"/>
    </row>
    <row r="91" spans="1:43" ht="14.25" customHeight="1">
      <c r="A91" s="223" t="s">
        <v>4</v>
      </c>
      <c r="B91" s="224"/>
      <c r="C91" s="195" t="s">
        <v>5</v>
      </c>
      <c r="D91" s="224"/>
      <c r="E91" s="195" t="s">
        <v>6</v>
      </c>
      <c r="F91" s="224"/>
      <c r="G91" s="227" t="s">
        <v>7</v>
      </c>
      <c r="H91" s="228"/>
      <c r="I91" s="228"/>
      <c r="J91" s="228"/>
      <c r="K91" s="228"/>
      <c r="L91" s="228"/>
      <c r="M91" s="228"/>
      <c r="N91" s="228"/>
      <c r="O91" s="228"/>
      <c r="P91" s="228"/>
      <c r="Q91" s="228"/>
      <c r="R91" s="228"/>
      <c r="S91" s="228"/>
      <c r="T91" s="251" t="s">
        <v>70</v>
      </c>
      <c r="U91" s="228" t="s">
        <v>71</v>
      </c>
      <c r="V91" s="228"/>
      <c r="W91" s="228"/>
      <c r="X91" s="229"/>
      <c r="Y91" s="236" t="s">
        <v>72</v>
      </c>
      <c r="Z91" s="195" t="s">
        <v>12</v>
      </c>
      <c r="AA91" s="196"/>
      <c r="AB91" s="196"/>
      <c r="AC91" s="196"/>
      <c r="AD91" s="196"/>
      <c r="AE91" s="196"/>
      <c r="AF91" s="196"/>
      <c r="AG91" s="196"/>
      <c r="AH91" s="196"/>
      <c r="AI91" s="196"/>
      <c r="AJ91" s="196"/>
      <c r="AK91" s="196"/>
      <c r="AL91" s="196"/>
      <c r="AM91" s="196"/>
      <c r="AN91" s="196"/>
      <c r="AO91" s="197"/>
      <c r="AP91" s="12"/>
      <c r="AQ91" s="12"/>
    </row>
    <row r="92" spans="1:43" ht="14.25" customHeight="1">
      <c r="A92" s="225"/>
      <c r="B92" s="184"/>
      <c r="C92" s="198"/>
      <c r="D92" s="184"/>
      <c r="E92" s="198"/>
      <c r="F92" s="184"/>
      <c r="G92" s="237" t="s">
        <v>13</v>
      </c>
      <c r="H92" s="204"/>
      <c r="I92" s="237" t="s">
        <v>14</v>
      </c>
      <c r="J92" s="204"/>
      <c r="K92" s="206" t="s">
        <v>73</v>
      </c>
      <c r="L92" s="240" t="s">
        <v>74</v>
      </c>
      <c r="M92" s="241"/>
      <c r="N92" s="209" t="s">
        <v>16</v>
      </c>
      <c r="O92" s="14"/>
      <c r="P92" s="212" t="s">
        <v>17</v>
      </c>
      <c r="Q92" s="212"/>
      <c r="R92" s="212"/>
      <c r="S92" s="212"/>
      <c r="T92" s="252"/>
      <c r="U92" s="246" t="s">
        <v>75</v>
      </c>
      <c r="V92" s="178"/>
      <c r="W92" s="209" t="s">
        <v>76</v>
      </c>
      <c r="X92" s="209" t="s">
        <v>77</v>
      </c>
      <c r="Y92" s="210"/>
      <c r="Z92" s="198"/>
      <c r="AA92" s="183"/>
      <c r="AB92" s="183"/>
      <c r="AC92" s="183"/>
      <c r="AD92" s="183"/>
      <c r="AE92" s="183"/>
      <c r="AF92" s="183"/>
      <c r="AG92" s="183"/>
      <c r="AH92" s="183"/>
      <c r="AI92" s="183"/>
      <c r="AJ92" s="183"/>
      <c r="AK92" s="183"/>
      <c r="AL92" s="183"/>
      <c r="AM92" s="183"/>
      <c r="AN92" s="183"/>
      <c r="AO92" s="199"/>
      <c r="AP92" s="12"/>
      <c r="AQ92" s="12"/>
    </row>
    <row r="93" spans="1:43" ht="4.5" customHeight="1">
      <c r="A93" s="225"/>
      <c r="B93" s="184"/>
      <c r="C93" s="198"/>
      <c r="D93" s="184"/>
      <c r="E93" s="198"/>
      <c r="F93" s="184"/>
      <c r="G93" s="198"/>
      <c r="H93" s="184"/>
      <c r="I93" s="198"/>
      <c r="J93" s="184"/>
      <c r="K93" s="238"/>
      <c r="L93" s="242"/>
      <c r="M93" s="243"/>
      <c r="N93" s="210"/>
      <c r="O93" s="15"/>
      <c r="P93" s="214" t="s">
        <v>18</v>
      </c>
      <c r="Q93" s="204"/>
      <c r="R93" s="203" t="s">
        <v>19</v>
      </c>
      <c r="S93" s="214"/>
      <c r="T93" s="252"/>
      <c r="U93" s="247"/>
      <c r="V93" s="248"/>
      <c r="W93" s="210"/>
      <c r="X93" s="210"/>
      <c r="Y93" s="210"/>
      <c r="Z93" s="198"/>
      <c r="AA93" s="183"/>
      <c r="AB93" s="183"/>
      <c r="AC93" s="183"/>
      <c r="AD93" s="183"/>
      <c r="AE93" s="183"/>
      <c r="AF93" s="183"/>
      <c r="AG93" s="183"/>
      <c r="AH93" s="183"/>
      <c r="AI93" s="183"/>
      <c r="AJ93" s="183"/>
      <c r="AK93" s="183"/>
      <c r="AL93" s="183"/>
      <c r="AM93" s="183"/>
      <c r="AN93" s="183"/>
      <c r="AO93" s="199"/>
      <c r="AP93" s="12"/>
      <c r="AQ93" s="12"/>
    </row>
    <row r="94" spans="1:43" ht="9" customHeight="1">
      <c r="A94" s="226"/>
      <c r="B94" s="205"/>
      <c r="C94" s="200"/>
      <c r="D94" s="205"/>
      <c r="E94" s="200"/>
      <c r="F94" s="205"/>
      <c r="G94" s="200"/>
      <c r="H94" s="205"/>
      <c r="I94" s="200"/>
      <c r="J94" s="205"/>
      <c r="K94" s="239"/>
      <c r="L94" s="244"/>
      <c r="M94" s="245"/>
      <c r="N94" s="211"/>
      <c r="O94" s="16"/>
      <c r="P94" s="201"/>
      <c r="Q94" s="205"/>
      <c r="R94" s="200"/>
      <c r="S94" s="201"/>
      <c r="T94" s="253"/>
      <c r="U94" s="249"/>
      <c r="V94" s="250"/>
      <c r="W94" s="211"/>
      <c r="X94" s="211"/>
      <c r="Y94" s="211"/>
      <c r="Z94" s="200"/>
      <c r="AA94" s="201"/>
      <c r="AB94" s="201"/>
      <c r="AC94" s="201"/>
      <c r="AD94" s="201"/>
      <c r="AE94" s="201"/>
      <c r="AF94" s="201"/>
      <c r="AG94" s="201"/>
      <c r="AH94" s="201"/>
      <c r="AI94" s="201"/>
      <c r="AJ94" s="201"/>
      <c r="AK94" s="201"/>
      <c r="AL94" s="201"/>
      <c r="AM94" s="201"/>
      <c r="AN94" s="201"/>
      <c r="AO94" s="202"/>
      <c r="AP94" s="12"/>
      <c r="AQ94" s="12"/>
    </row>
    <row r="95" spans="1:43" s="32" customFormat="1" ht="9" customHeight="1">
      <c r="A95" s="17"/>
      <c r="B95" s="18"/>
      <c r="C95" s="19"/>
      <c r="D95" s="18"/>
      <c r="E95" s="19"/>
      <c r="F95" s="18"/>
      <c r="G95" s="20"/>
      <c r="H95" s="21" t="s">
        <v>20</v>
      </c>
      <c r="I95" s="20"/>
      <c r="J95" s="21" t="s">
        <v>20</v>
      </c>
      <c r="K95" s="22" t="s">
        <v>20</v>
      </c>
      <c r="L95" s="20"/>
      <c r="M95" s="21" t="s">
        <v>20</v>
      </c>
      <c r="N95" s="23" t="s">
        <v>20</v>
      </c>
      <c r="O95" s="29"/>
      <c r="P95" s="29"/>
      <c r="Q95" s="21"/>
      <c r="R95" s="20"/>
      <c r="S95" s="29" t="s">
        <v>20</v>
      </c>
      <c r="T95" s="121" t="s">
        <v>20</v>
      </c>
      <c r="U95" s="29"/>
      <c r="V95" s="21" t="s">
        <v>20</v>
      </c>
      <c r="W95" s="22" t="s">
        <v>20</v>
      </c>
      <c r="X95" s="22" t="s">
        <v>20</v>
      </c>
      <c r="Y95" s="22" t="s">
        <v>20</v>
      </c>
      <c r="Z95" s="122"/>
      <c r="AA95" s="27"/>
      <c r="AB95" s="27"/>
      <c r="AC95" s="27"/>
      <c r="AD95" s="28"/>
      <c r="AE95" s="29"/>
      <c r="AF95" s="29"/>
      <c r="AG95" s="29"/>
      <c r="AH95" s="27"/>
      <c r="AI95" s="27"/>
      <c r="AJ95" s="27"/>
      <c r="AK95" s="27"/>
      <c r="AL95" s="28"/>
      <c r="AM95" s="29"/>
      <c r="AN95" s="29"/>
      <c r="AO95" s="30"/>
      <c r="AP95" s="31"/>
      <c r="AQ95" s="31"/>
    </row>
    <row r="96" spans="1:43" s="46" customFormat="1" ht="9.75" customHeight="1">
      <c r="A96" s="57"/>
      <c r="B96" s="131"/>
      <c r="C96" s="33"/>
      <c r="D96" s="131"/>
      <c r="E96" s="33"/>
      <c r="F96" s="58"/>
      <c r="G96" s="33"/>
      <c r="H96" s="59"/>
      <c r="I96" s="33"/>
      <c r="J96" s="59"/>
      <c r="K96" s="132"/>
      <c r="L96" s="33"/>
      <c r="M96" s="133"/>
      <c r="N96" s="60"/>
      <c r="O96" s="61"/>
      <c r="P96" s="258" t="s">
        <v>97</v>
      </c>
      <c r="Q96" s="259" t="s">
        <v>98</v>
      </c>
      <c r="R96" s="33"/>
      <c r="S96" s="61"/>
      <c r="T96" s="134"/>
      <c r="U96" s="61"/>
      <c r="V96" s="59"/>
      <c r="W96" s="60"/>
      <c r="X96" s="60"/>
      <c r="Y96" s="60"/>
      <c r="Z96" s="135" t="s">
        <v>3</v>
      </c>
      <c r="AA96" s="27"/>
      <c r="AB96" s="27"/>
      <c r="AC96" s="27"/>
      <c r="AD96" s="28"/>
      <c r="AE96" s="29"/>
      <c r="AF96" s="29"/>
      <c r="AG96" s="29"/>
      <c r="AH96" s="27"/>
      <c r="AI96" s="27"/>
      <c r="AJ96" s="27"/>
      <c r="AK96" s="27"/>
      <c r="AL96" s="28"/>
      <c r="AM96" s="29"/>
      <c r="AN96" s="29"/>
      <c r="AO96" s="30"/>
    </row>
    <row r="97" spans="1:41" s="46" customFormat="1" ht="9.75" customHeight="1">
      <c r="A97" s="57"/>
      <c r="B97" s="131"/>
      <c r="C97" s="33"/>
      <c r="D97" s="131"/>
      <c r="E97" s="33"/>
      <c r="F97" s="58"/>
      <c r="G97" s="33"/>
      <c r="H97" s="59"/>
      <c r="I97" s="33"/>
      <c r="J97" s="59"/>
      <c r="K97" s="132"/>
      <c r="L97" s="33"/>
      <c r="M97" s="133"/>
      <c r="N97" s="60"/>
      <c r="O97" s="61"/>
      <c r="P97" s="186"/>
      <c r="Q97" s="179"/>
      <c r="R97" s="33"/>
      <c r="S97" s="61" t="s">
        <v>506</v>
      </c>
      <c r="T97" s="134" t="s">
        <v>507</v>
      </c>
      <c r="U97" s="61"/>
      <c r="V97" s="59" t="s">
        <v>30</v>
      </c>
      <c r="W97" s="60" t="s">
        <v>30</v>
      </c>
      <c r="X97" s="60" t="s">
        <v>30</v>
      </c>
      <c r="Y97" s="60" t="s">
        <v>508</v>
      </c>
      <c r="Z97" s="135"/>
      <c r="AA97" s="27"/>
      <c r="AB97" s="27"/>
      <c r="AC97" s="27"/>
      <c r="AD97" s="28"/>
      <c r="AE97" s="29"/>
      <c r="AF97" s="29"/>
      <c r="AG97" s="29"/>
      <c r="AH97" s="27"/>
      <c r="AI97" s="27"/>
      <c r="AJ97" s="27"/>
      <c r="AK97" s="27"/>
      <c r="AL97" s="28"/>
      <c r="AM97" s="29"/>
      <c r="AN97" s="29"/>
      <c r="AO97" s="30"/>
    </row>
    <row r="98" spans="1:41" s="46" customFormat="1" ht="9.75" customHeight="1">
      <c r="A98" s="57"/>
      <c r="B98" s="131"/>
      <c r="C98" s="33"/>
      <c r="D98" s="131"/>
      <c r="E98" s="33"/>
      <c r="F98" s="58"/>
      <c r="G98" s="33"/>
      <c r="H98" s="59"/>
      <c r="I98" s="33"/>
      <c r="J98" s="59"/>
      <c r="K98" s="132"/>
      <c r="L98" s="33"/>
      <c r="M98" s="133"/>
      <c r="N98" s="60"/>
      <c r="O98" s="61"/>
      <c r="P98" s="187"/>
      <c r="Q98" s="180"/>
      <c r="R98" s="33"/>
      <c r="S98" s="61"/>
      <c r="T98" s="134"/>
      <c r="U98" s="61"/>
      <c r="V98" s="59"/>
      <c r="W98" s="60"/>
      <c r="X98" s="60"/>
      <c r="Y98" s="60"/>
      <c r="Z98" s="135"/>
      <c r="AA98" s="27"/>
      <c r="AB98" s="27"/>
      <c r="AC98" s="27"/>
      <c r="AD98" s="28"/>
      <c r="AE98" s="29"/>
      <c r="AF98" s="29"/>
      <c r="AG98" s="29"/>
      <c r="AH98" s="27"/>
      <c r="AI98" s="27"/>
      <c r="AJ98" s="27"/>
      <c r="AK98" s="27"/>
      <c r="AL98" s="28"/>
      <c r="AM98" s="29"/>
      <c r="AN98" s="29"/>
      <c r="AO98" s="30"/>
    </row>
    <row r="99" spans="1:41" s="46" customFormat="1" ht="9.75" customHeight="1">
      <c r="A99" s="57"/>
      <c r="B99" s="131"/>
      <c r="C99" s="33"/>
      <c r="D99" s="131"/>
      <c r="E99" s="33"/>
      <c r="F99" s="58"/>
      <c r="G99" s="33"/>
      <c r="H99" s="59"/>
      <c r="I99" s="33"/>
      <c r="J99" s="59"/>
      <c r="K99" s="132"/>
      <c r="L99" s="33"/>
      <c r="M99" s="133"/>
      <c r="N99" s="60"/>
      <c r="O99" s="61"/>
      <c r="P99" s="185" t="s">
        <v>102</v>
      </c>
      <c r="Q99" s="188" t="s">
        <v>103</v>
      </c>
      <c r="R99" s="48"/>
      <c r="S99" s="52"/>
      <c r="T99" s="130"/>
      <c r="U99" s="52"/>
      <c r="V99" s="50"/>
      <c r="W99" s="51"/>
      <c r="X99" s="51"/>
      <c r="Y99" s="51"/>
      <c r="Z99" s="122" t="s">
        <v>3</v>
      </c>
      <c r="AA99" s="55"/>
      <c r="AB99" s="55"/>
      <c r="AC99" s="55"/>
      <c r="AD99" s="56"/>
      <c r="AE99" s="19"/>
      <c r="AF99" s="19"/>
      <c r="AG99" s="19"/>
      <c r="AH99" s="55"/>
      <c r="AI99" s="55"/>
      <c r="AJ99" s="55"/>
      <c r="AK99" s="55"/>
      <c r="AL99" s="56"/>
      <c r="AM99" s="19"/>
      <c r="AN99" s="19"/>
      <c r="AO99" s="26"/>
    </row>
    <row r="100" spans="1:41" s="46" customFormat="1" ht="9.75" customHeight="1">
      <c r="A100" s="57"/>
      <c r="B100" s="131"/>
      <c r="C100" s="33"/>
      <c r="D100" s="131"/>
      <c r="E100" s="33"/>
      <c r="F100" s="58"/>
      <c r="G100" s="33"/>
      <c r="H100" s="59"/>
      <c r="I100" s="33"/>
      <c r="J100" s="59"/>
      <c r="K100" s="132"/>
      <c r="L100" s="33"/>
      <c r="M100" s="133"/>
      <c r="N100" s="60"/>
      <c r="O100" s="61"/>
      <c r="P100" s="186"/>
      <c r="Q100" s="179"/>
      <c r="R100" s="33"/>
      <c r="S100" s="61" t="s">
        <v>509</v>
      </c>
      <c r="T100" s="134" t="s">
        <v>510</v>
      </c>
      <c r="U100" s="61"/>
      <c r="V100" s="59" t="s">
        <v>30</v>
      </c>
      <c r="W100" s="60" t="s">
        <v>30</v>
      </c>
      <c r="X100" s="60" t="s">
        <v>30</v>
      </c>
      <c r="Y100" s="60" t="s">
        <v>511</v>
      </c>
      <c r="Z100" s="135"/>
      <c r="AA100" s="27"/>
      <c r="AB100" s="27"/>
      <c r="AC100" s="27"/>
      <c r="AD100" s="28"/>
      <c r="AE100" s="29"/>
      <c r="AF100" s="29"/>
      <c r="AG100" s="29"/>
      <c r="AH100" s="27"/>
      <c r="AI100" s="27"/>
      <c r="AJ100" s="27"/>
      <c r="AK100" s="27"/>
      <c r="AL100" s="28"/>
      <c r="AM100" s="29"/>
      <c r="AN100" s="29"/>
      <c r="AO100" s="30"/>
    </row>
    <row r="101" spans="1:41" s="46" customFormat="1" ht="9.75" customHeight="1">
      <c r="A101" s="57"/>
      <c r="B101" s="131"/>
      <c r="C101" s="33"/>
      <c r="D101" s="131"/>
      <c r="E101" s="33"/>
      <c r="F101" s="58"/>
      <c r="G101" s="33"/>
      <c r="H101" s="59"/>
      <c r="I101" s="33"/>
      <c r="J101" s="59"/>
      <c r="K101" s="132"/>
      <c r="L101" s="33"/>
      <c r="M101" s="133"/>
      <c r="N101" s="60"/>
      <c r="O101" s="61"/>
      <c r="P101" s="187"/>
      <c r="Q101" s="180"/>
      <c r="R101" s="33"/>
      <c r="S101" s="61"/>
      <c r="T101" s="134"/>
      <c r="U101" s="61"/>
      <c r="V101" s="59"/>
      <c r="W101" s="60"/>
      <c r="X101" s="60"/>
      <c r="Y101" s="60"/>
      <c r="Z101" s="135"/>
      <c r="AA101" s="27"/>
      <c r="AB101" s="27"/>
      <c r="AC101" s="27"/>
      <c r="AD101" s="28"/>
      <c r="AE101" s="29"/>
      <c r="AF101" s="29"/>
      <c r="AG101" s="29"/>
      <c r="AH101" s="27"/>
      <c r="AI101" s="27"/>
      <c r="AJ101" s="27"/>
      <c r="AK101" s="27"/>
      <c r="AL101" s="28"/>
      <c r="AM101" s="29"/>
      <c r="AN101" s="29"/>
      <c r="AO101" s="30"/>
    </row>
    <row r="102" spans="1:41" s="46" customFormat="1" ht="9.75" customHeight="1">
      <c r="A102" s="57"/>
      <c r="B102" s="141"/>
      <c r="C102" s="33"/>
      <c r="D102" s="34"/>
      <c r="E102" s="175" t="s">
        <v>57</v>
      </c>
      <c r="F102" s="178" t="s">
        <v>512</v>
      </c>
      <c r="G102" s="48"/>
      <c r="H102" s="50"/>
      <c r="I102" s="48"/>
      <c r="J102" s="50"/>
      <c r="K102" s="128"/>
      <c r="L102" s="48"/>
      <c r="M102" s="129"/>
      <c r="N102" s="51"/>
      <c r="O102" s="52"/>
      <c r="P102" s="52"/>
      <c r="Q102" s="76"/>
      <c r="R102" s="48"/>
      <c r="S102" s="52"/>
      <c r="T102" s="130"/>
      <c r="U102" s="52"/>
      <c r="V102" s="50"/>
      <c r="W102" s="51"/>
      <c r="X102" s="51"/>
      <c r="Y102" s="51"/>
      <c r="Z102" s="122" t="s">
        <v>3</v>
      </c>
      <c r="AA102" s="55"/>
      <c r="AB102" s="55"/>
      <c r="AC102" s="55"/>
      <c r="AD102" s="56"/>
      <c r="AE102" s="19"/>
      <c r="AF102" s="19"/>
      <c r="AG102" s="19"/>
      <c r="AH102" s="55"/>
      <c r="AI102" s="55"/>
      <c r="AJ102" s="55"/>
      <c r="AK102" s="55"/>
      <c r="AL102" s="56"/>
      <c r="AM102" s="19"/>
      <c r="AN102" s="19"/>
      <c r="AO102" s="26"/>
    </row>
    <row r="103" spans="1:41" s="46" customFormat="1" ht="9.75" customHeight="1">
      <c r="A103" s="57"/>
      <c r="B103" s="141"/>
      <c r="C103" s="33"/>
      <c r="D103" s="141"/>
      <c r="E103" s="176"/>
      <c r="F103" s="179"/>
      <c r="G103" s="33"/>
      <c r="H103" s="59" t="s">
        <v>513</v>
      </c>
      <c r="I103" s="33" t="s">
        <v>133</v>
      </c>
      <c r="J103" s="59" t="s">
        <v>514</v>
      </c>
      <c r="K103" s="132" t="s">
        <v>30</v>
      </c>
      <c r="L103" s="33"/>
      <c r="M103" s="133" t="s">
        <v>30</v>
      </c>
      <c r="N103" s="60" t="s">
        <v>515</v>
      </c>
      <c r="O103" s="61"/>
      <c r="P103" s="61"/>
      <c r="Q103" s="58"/>
      <c r="R103" s="33"/>
      <c r="S103" s="61"/>
      <c r="T103" s="134" t="s">
        <v>516</v>
      </c>
      <c r="U103" s="61"/>
      <c r="V103" s="59" t="s">
        <v>30</v>
      </c>
      <c r="W103" s="60" t="s">
        <v>30</v>
      </c>
      <c r="X103" s="60" t="s">
        <v>30</v>
      </c>
      <c r="Y103" s="60" t="s">
        <v>517</v>
      </c>
      <c r="Z103" s="135"/>
      <c r="AA103" s="27"/>
      <c r="AB103" s="27"/>
      <c r="AC103" s="27"/>
      <c r="AD103" s="28"/>
      <c r="AE103" s="29"/>
      <c r="AF103" s="29"/>
      <c r="AG103" s="29"/>
      <c r="AH103" s="27"/>
      <c r="AI103" s="27"/>
      <c r="AJ103" s="27"/>
      <c r="AK103" s="27"/>
      <c r="AL103" s="28"/>
      <c r="AM103" s="29"/>
      <c r="AN103" s="29"/>
      <c r="AO103" s="30"/>
    </row>
    <row r="104" spans="1:41" s="46" customFormat="1" ht="9.75" customHeight="1">
      <c r="A104" s="57"/>
      <c r="B104" s="141"/>
      <c r="C104" s="33"/>
      <c r="D104" s="141"/>
      <c r="E104" s="176"/>
      <c r="F104" s="179"/>
      <c r="G104" s="33"/>
      <c r="H104" s="59"/>
      <c r="I104" s="33"/>
      <c r="J104" s="59"/>
      <c r="K104" s="132"/>
      <c r="L104" s="33"/>
      <c r="M104" s="133"/>
      <c r="N104" s="60"/>
      <c r="O104" s="61"/>
      <c r="P104" s="61"/>
      <c r="Q104" s="58"/>
      <c r="R104" s="33"/>
      <c r="S104" s="61"/>
      <c r="T104" s="134"/>
      <c r="U104" s="61"/>
      <c r="V104" s="59"/>
      <c r="W104" s="60"/>
      <c r="X104" s="60"/>
      <c r="Y104" s="60"/>
      <c r="Z104" s="135"/>
      <c r="AA104" s="27"/>
      <c r="AB104" s="27"/>
      <c r="AC104" s="27"/>
      <c r="AD104" s="28"/>
      <c r="AE104" s="29"/>
      <c r="AF104" s="29"/>
      <c r="AG104" s="29"/>
      <c r="AH104" s="27"/>
      <c r="AI104" s="27"/>
      <c r="AJ104" s="27"/>
      <c r="AK104" s="27"/>
      <c r="AL104" s="28"/>
      <c r="AM104" s="29"/>
      <c r="AN104" s="29"/>
      <c r="AO104" s="30"/>
    </row>
    <row r="105" spans="1:41" s="46" customFormat="1" ht="9.75" customHeight="1">
      <c r="A105" s="57"/>
      <c r="B105" s="131"/>
      <c r="C105" s="33"/>
      <c r="D105" s="141"/>
      <c r="E105" s="33"/>
      <c r="F105" s="34"/>
      <c r="G105" s="33"/>
      <c r="H105" s="59"/>
      <c r="I105" s="33"/>
      <c r="J105" s="59"/>
      <c r="K105" s="132"/>
      <c r="L105" s="33"/>
      <c r="M105" s="133"/>
      <c r="N105" s="60"/>
      <c r="O105" s="61"/>
      <c r="P105" s="185" t="s">
        <v>21</v>
      </c>
      <c r="Q105" s="178" t="s">
        <v>300</v>
      </c>
      <c r="R105" s="48"/>
      <c r="S105" s="52"/>
      <c r="T105" s="130"/>
      <c r="U105" s="52"/>
      <c r="V105" s="50"/>
      <c r="W105" s="51"/>
      <c r="X105" s="51"/>
      <c r="Y105" s="51"/>
      <c r="Z105" s="122" t="s">
        <v>3</v>
      </c>
      <c r="AA105" s="55"/>
      <c r="AB105" s="55"/>
      <c r="AC105" s="55"/>
      <c r="AD105" s="56"/>
      <c r="AE105" s="19"/>
      <c r="AF105" s="19"/>
      <c r="AG105" s="19"/>
      <c r="AH105" s="55"/>
      <c r="AI105" s="55"/>
      <c r="AJ105" s="55"/>
      <c r="AK105" s="55"/>
      <c r="AL105" s="56"/>
      <c r="AM105" s="19"/>
      <c r="AN105" s="19"/>
      <c r="AO105" s="26"/>
    </row>
    <row r="106" spans="1:41" s="46" customFormat="1" ht="9.75" customHeight="1">
      <c r="A106" s="57"/>
      <c r="B106" s="131"/>
      <c r="C106" s="33"/>
      <c r="D106" s="141"/>
      <c r="E106" s="33"/>
      <c r="F106" s="34"/>
      <c r="G106" s="33"/>
      <c r="H106" s="59"/>
      <c r="I106" s="33"/>
      <c r="J106" s="59"/>
      <c r="K106" s="132"/>
      <c r="L106" s="33"/>
      <c r="M106" s="133"/>
      <c r="N106" s="60"/>
      <c r="O106" s="61"/>
      <c r="P106" s="186"/>
      <c r="Q106" s="179"/>
      <c r="R106" s="33"/>
      <c r="S106" s="61" t="s">
        <v>518</v>
      </c>
      <c r="T106" s="134" t="s">
        <v>519</v>
      </c>
      <c r="U106" s="61"/>
      <c r="V106" s="59" t="s">
        <v>30</v>
      </c>
      <c r="W106" s="60" t="s">
        <v>30</v>
      </c>
      <c r="X106" s="60" t="s">
        <v>30</v>
      </c>
      <c r="Y106" s="60" t="s">
        <v>520</v>
      </c>
      <c r="Z106" s="135"/>
      <c r="AA106" s="27"/>
      <c r="AB106" s="27"/>
      <c r="AC106" s="27"/>
      <c r="AD106" s="28"/>
      <c r="AE106" s="29"/>
      <c r="AF106" s="29"/>
      <c r="AG106" s="29"/>
      <c r="AH106" s="27"/>
      <c r="AI106" s="27"/>
      <c r="AJ106" s="27"/>
      <c r="AK106" s="27"/>
      <c r="AL106" s="28"/>
      <c r="AM106" s="29"/>
      <c r="AN106" s="29"/>
      <c r="AO106" s="30"/>
    </row>
    <row r="107" spans="1:41" s="46" customFormat="1" ht="9.75" customHeight="1">
      <c r="A107" s="57"/>
      <c r="B107" s="131"/>
      <c r="C107" s="33"/>
      <c r="D107" s="141"/>
      <c r="E107" s="33"/>
      <c r="F107" s="34"/>
      <c r="G107" s="33"/>
      <c r="H107" s="59"/>
      <c r="I107" s="33"/>
      <c r="J107" s="59"/>
      <c r="K107" s="132"/>
      <c r="L107" s="33"/>
      <c r="M107" s="133"/>
      <c r="N107" s="60"/>
      <c r="O107" s="61"/>
      <c r="P107" s="187"/>
      <c r="Q107" s="180"/>
      <c r="R107" s="33"/>
      <c r="S107" s="61"/>
      <c r="T107" s="134"/>
      <c r="U107" s="61"/>
      <c r="V107" s="59"/>
      <c r="W107" s="60"/>
      <c r="X107" s="60"/>
      <c r="Y107" s="60"/>
      <c r="Z107" s="135"/>
      <c r="AA107" s="27"/>
      <c r="AB107" s="27"/>
      <c r="AC107" s="27"/>
      <c r="AD107" s="28"/>
      <c r="AE107" s="29"/>
      <c r="AF107" s="29"/>
      <c r="AG107" s="29"/>
      <c r="AH107" s="27"/>
      <c r="AI107" s="27"/>
      <c r="AJ107" s="27"/>
      <c r="AK107" s="27"/>
      <c r="AL107" s="28"/>
      <c r="AM107" s="29"/>
      <c r="AN107" s="29"/>
      <c r="AO107" s="30"/>
    </row>
    <row r="108" spans="1:41" s="46" customFormat="1" ht="9.75" customHeight="1">
      <c r="A108" s="57"/>
      <c r="B108" s="131"/>
      <c r="C108" s="33"/>
      <c r="D108" s="131"/>
      <c r="E108" s="33"/>
      <c r="F108" s="34"/>
      <c r="G108" s="33"/>
      <c r="H108" s="59"/>
      <c r="I108" s="33"/>
      <c r="J108" s="59"/>
      <c r="K108" s="132"/>
      <c r="L108" s="33"/>
      <c r="M108" s="133"/>
      <c r="N108" s="60"/>
      <c r="O108" s="61"/>
      <c r="P108" s="185" t="s">
        <v>52</v>
      </c>
      <c r="Q108" s="178" t="s">
        <v>444</v>
      </c>
      <c r="R108" s="48"/>
      <c r="S108" s="52"/>
      <c r="T108" s="130"/>
      <c r="U108" s="52"/>
      <c r="V108" s="50"/>
      <c r="W108" s="51"/>
      <c r="X108" s="51"/>
      <c r="Y108" s="51"/>
      <c r="Z108" s="122" t="s">
        <v>3</v>
      </c>
      <c r="AA108" s="55"/>
      <c r="AB108" s="55"/>
      <c r="AC108" s="55"/>
      <c r="AD108" s="56"/>
      <c r="AE108" s="19"/>
      <c r="AF108" s="19"/>
      <c r="AG108" s="19"/>
      <c r="AH108" s="55"/>
      <c r="AI108" s="55"/>
      <c r="AJ108" s="55"/>
      <c r="AK108" s="55"/>
      <c r="AL108" s="56"/>
      <c r="AM108" s="19"/>
      <c r="AN108" s="19"/>
      <c r="AO108" s="26"/>
    </row>
    <row r="109" spans="1:41" s="46" customFormat="1" ht="9.75" customHeight="1">
      <c r="A109" s="57"/>
      <c r="B109" s="131"/>
      <c r="C109" s="33"/>
      <c r="D109" s="131"/>
      <c r="E109" s="33"/>
      <c r="F109" s="34"/>
      <c r="G109" s="33"/>
      <c r="H109" s="59"/>
      <c r="I109" s="33"/>
      <c r="J109" s="59"/>
      <c r="K109" s="132"/>
      <c r="L109" s="33"/>
      <c r="M109" s="133"/>
      <c r="N109" s="60"/>
      <c r="O109" s="61"/>
      <c r="P109" s="186"/>
      <c r="Q109" s="179"/>
      <c r="R109" s="33"/>
      <c r="S109" s="61" t="s">
        <v>521</v>
      </c>
      <c r="T109" s="134" t="s">
        <v>522</v>
      </c>
      <c r="U109" s="61"/>
      <c r="V109" s="59" t="s">
        <v>30</v>
      </c>
      <c r="W109" s="60" t="s">
        <v>30</v>
      </c>
      <c r="X109" s="60" t="s">
        <v>30</v>
      </c>
      <c r="Y109" s="60" t="s">
        <v>523</v>
      </c>
      <c r="Z109" s="135"/>
      <c r="AA109" s="27"/>
      <c r="AB109" s="27"/>
      <c r="AC109" s="27"/>
      <c r="AD109" s="28"/>
      <c r="AE109" s="29"/>
      <c r="AF109" s="29"/>
      <c r="AG109" s="29"/>
      <c r="AH109" s="27"/>
      <c r="AI109" s="27"/>
      <c r="AJ109" s="27"/>
      <c r="AK109" s="27"/>
      <c r="AL109" s="28"/>
      <c r="AM109" s="29"/>
      <c r="AN109" s="29"/>
      <c r="AO109" s="30"/>
    </row>
    <row r="110" spans="1:41" s="46" customFormat="1" ht="9.75" customHeight="1">
      <c r="A110" s="57"/>
      <c r="B110" s="131"/>
      <c r="C110" s="33"/>
      <c r="D110" s="131"/>
      <c r="E110" s="33"/>
      <c r="F110" s="34"/>
      <c r="G110" s="33"/>
      <c r="H110" s="59"/>
      <c r="I110" s="33"/>
      <c r="J110" s="59"/>
      <c r="K110" s="132"/>
      <c r="L110" s="33"/>
      <c r="M110" s="133"/>
      <c r="N110" s="60"/>
      <c r="O110" s="61"/>
      <c r="P110" s="187"/>
      <c r="Q110" s="180"/>
      <c r="R110" s="33"/>
      <c r="S110" s="61"/>
      <c r="T110" s="134"/>
      <c r="U110" s="61"/>
      <c r="V110" s="59"/>
      <c r="W110" s="60"/>
      <c r="X110" s="60"/>
      <c r="Y110" s="60"/>
      <c r="Z110" s="135"/>
      <c r="AA110" s="27"/>
      <c r="AB110" s="27"/>
      <c r="AC110" s="27"/>
      <c r="AD110" s="28"/>
      <c r="AE110" s="29"/>
      <c r="AF110" s="29"/>
      <c r="AG110" s="29"/>
      <c r="AH110" s="27"/>
      <c r="AI110" s="27"/>
      <c r="AJ110" s="27"/>
      <c r="AK110" s="27"/>
      <c r="AL110" s="28"/>
      <c r="AM110" s="29"/>
      <c r="AN110" s="29"/>
      <c r="AO110" s="30"/>
    </row>
    <row r="111" spans="1:41" s="46" customFormat="1" ht="9.75" customHeight="1">
      <c r="A111" s="57"/>
      <c r="B111" s="131"/>
      <c r="C111" s="33"/>
      <c r="D111" s="131"/>
      <c r="E111" s="33"/>
      <c r="F111" s="58"/>
      <c r="G111" s="33"/>
      <c r="H111" s="59"/>
      <c r="I111" s="33"/>
      <c r="J111" s="59"/>
      <c r="K111" s="132"/>
      <c r="L111" s="33"/>
      <c r="M111" s="133"/>
      <c r="N111" s="60"/>
      <c r="O111" s="61"/>
      <c r="P111" s="185" t="s">
        <v>57</v>
      </c>
      <c r="Q111" s="178" t="s">
        <v>448</v>
      </c>
      <c r="R111" s="48"/>
      <c r="S111" s="52"/>
      <c r="T111" s="130"/>
      <c r="U111" s="52"/>
      <c r="V111" s="50"/>
      <c r="W111" s="51"/>
      <c r="X111" s="51"/>
      <c r="Y111" s="51"/>
      <c r="Z111" s="122" t="s">
        <v>3</v>
      </c>
      <c r="AA111" s="55"/>
      <c r="AB111" s="55"/>
      <c r="AC111" s="55"/>
      <c r="AD111" s="56"/>
      <c r="AE111" s="19"/>
      <c r="AF111" s="19"/>
      <c r="AG111" s="19"/>
      <c r="AH111" s="55"/>
      <c r="AI111" s="55"/>
      <c r="AJ111" s="55"/>
      <c r="AK111" s="55"/>
      <c r="AL111" s="56"/>
      <c r="AM111" s="19"/>
      <c r="AN111" s="19"/>
      <c r="AO111" s="26"/>
    </row>
    <row r="112" spans="1:41" s="46" customFormat="1" ht="9.75" customHeight="1">
      <c r="A112" s="57"/>
      <c r="B112" s="131"/>
      <c r="C112" s="33"/>
      <c r="D112" s="131"/>
      <c r="E112" s="33"/>
      <c r="F112" s="58"/>
      <c r="G112" s="33"/>
      <c r="H112" s="59"/>
      <c r="I112" s="33"/>
      <c r="J112" s="59"/>
      <c r="K112" s="132"/>
      <c r="L112" s="33"/>
      <c r="M112" s="133"/>
      <c r="N112" s="60"/>
      <c r="O112" s="61"/>
      <c r="P112" s="186"/>
      <c r="Q112" s="179"/>
      <c r="R112" s="33"/>
      <c r="S112" s="61" t="s">
        <v>524</v>
      </c>
      <c r="T112" s="134" t="s">
        <v>525</v>
      </c>
      <c r="U112" s="61"/>
      <c r="V112" s="59" t="s">
        <v>30</v>
      </c>
      <c r="W112" s="60" t="s">
        <v>30</v>
      </c>
      <c r="X112" s="60" t="s">
        <v>30</v>
      </c>
      <c r="Y112" s="60" t="s">
        <v>526</v>
      </c>
      <c r="Z112" s="135"/>
      <c r="AA112" s="27"/>
      <c r="AB112" s="27"/>
      <c r="AC112" s="27"/>
      <c r="AD112" s="28"/>
      <c r="AE112" s="29"/>
      <c r="AF112" s="29"/>
      <c r="AG112" s="29"/>
      <c r="AH112" s="27"/>
      <c r="AI112" s="27"/>
      <c r="AJ112" s="27"/>
      <c r="AK112" s="27"/>
      <c r="AL112" s="28"/>
      <c r="AM112" s="29"/>
      <c r="AN112" s="29"/>
      <c r="AO112" s="30"/>
    </row>
    <row r="113" spans="1:41" s="46" customFormat="1" ht="9.75" customHeight="1">
      <c r="A113" s="57"/>
      <c r="B113" s="131"/>
      <c r="C113" s="33"/>
      <c r="D113" s="131"/>
      <c r="E113" s="33"/>
      <c r="F113" s="58"/>
      <c r="G113" s="33"/>
      <c r="H113" s="59"/>
      <c r="I113" s="33"/>
      <c r="J113" s="59"/>
      <c r="K113" s="132"/>
      <c r="L113" s="33"/>
      <c r="M113" s="133"/>
      <c r="N113" s="60"/>
      <c r="O113" s="61"/>
      <c r="P113" s="187"/>
      <c r="Q113" s="180"/>
      <c r="R113" s="33"/>
      <c r="S113" s="61"/>
      <c r="T113" s="134"/>
      <c r="U113" s="61"/>
      <c r="V113" s="59"/>
      <c r="W113" s="60"/>
      <c r="X113" s="60"/>
      <c r="Y113" s="60"/>
      <c r="Z113" s="135"/>
      <c r="AA113" s="27"/>
      <c r="AB113" s="27"/>
      <c r="AC113" s="27"/>
      <c r="AD113" s="28"/>
      <c r="AE113" s="29"/>
      <c r="AF113" s="29"/>
      <c r="AG113" s="29"/>
      <c r="AH113" s="27"/>
      <c r="AI113" s="27"/>
      <c r="AJ113" s="27"/>
      <c r="AK113" s="27"/>
      <c r="AL113" s="28"/>
      <c r="AM113" s="29"/>
      <c r="AN113" s="29"/>
      <c r="AO113" s="30"/>
    </row>
    <row r="114" spans="1:41" s="46" customFormat="1" ht="9.75" customHeight="1">
      <c r="A114" s="57"/>
      <c r="B114" s="131"/>
      <c r="C114" s="33"/>
      <c r="D114" s="131"/>
      <c r="E114" s="33"/>
      <c r="F114" s="58"/>
      <c r="G114" s="33"/>
      <c r="H114" s="59"/>
      <c r="I114" s="33"/>
      <c r="J114" s="59"/>
      <c r="K114" s="132"/>
      <c r="L114" s="33"/>
      <c r="M114" s="133"/>
      <c r="N114" s="60"/>
      <c r="O114" s="61"/>
      <c r="P114" s="185" t="s">
        <v>352</v>
      </c>
      <c r="Q114" s="178" t="s">
        <v>353</v>
      </c>
      <c r="R114" s="48"/>
      <c r="S114" s="52"/>
      <c r="T114" s="130"/>
      <c r="U114" s="52"/>
      <c r="V114" s="50"/>
      <c r="W114" s="51"/>
      <c r="X114" s="51"/>
      <c r="Y114" s="51"/>
      <c r="Z114" s="122" t="s">
        <v>3</v>
      </c>
      <c r="AA114" s="55"/>
      <c r="AB114" s="55"/>
      <c r="AC114" s="55"/>
      <c r="AD114" s="56"/>
      <c r="AE114" s="19"/>
      <c r="AF114" s="19"/>
      <c r="AG114" s="19"/>
      <c r="AH114" s="55"/>
      <c r="AI114" s="55"/>
      <c r="AJ114" s="55"/>
      <c r="AK114" s="55"/>
      <c r="AL114" s="56"/>
      <c r="AM114" s="19"/>
      <c r="AN114" s="19"/>
      <c r="AO114" s="26"/>
    </row>
    <row r="115" spans="1:41" s="46" customFormat="1" ht="9.75" customHeight="1">
      <c r="A115" s="57"/>
      <c r="B115" s="131"/>
      <c r="C115" s="33"/>
      <c r="D115" s="131"/>
      <c r="E115" s="33"/>
      <c r="F115" s="58"/>
      <c r="G115" s="33"/>
      <c r="H115" s="59"/>
      <c r="I115" s="33"/>
      <c r="J115" s="59"/>
      <c r="K115" s="132"/>
      <c r="L115" s="33"/>
      <c r="M115" s="133"/>
      <c r="N115" s="60"/>
      <c r="O115" s="61"/>
      <c r="P115" s="186"/>
      <c r="Q115" s="179"/>
      <c r="R115" s="33"/>
      <c r="S115" s="61" t="s">
        <v>527</v>
      </c>
      <c r="T115" s="134" t="s">
        <v>528</v>
      </c>
      <c r="U115" s="61"/>
      <c r="V115" s="59" t="s">
        <v>30</v>
      </c>
      <c r="W115" s="60" t="s">
        <v>30</v>
      </c>
      <c r="X115" s="60" t="s">
        <v>30</v>
      </c>
      <c r="Y115" s="60" t="s">
        <v>529</v>
      </c>
      <c r="Z115" s="135"/>
      <c r="AA115" s="27"/>
      <c r="AB115" s="27"/>
      <c r="AC115" s="27"/>
      <c r="AD115" s="28"/>
      <c r="AE115" s="29"/>
      <c r="AF115" s="29"/>
      <c r="AG115" s="29"/>
      <c r="AH115" s="27"/>
      <c r="AI115" s="27"/>
      <c r="AJ115" s="27"/>
      <c r="AK115" s="27"/>
      <c r="AL115" s="28"/>
      <c r="AM115" s="29"/>
      <c r="AN115" s="29"/>
      <c r="AO115" s="30"/>
    </row>
    <row r="116" spans="1:41" s="46" customFormat="1" ht="9.75" customHeight="1">
      <c r="A116" s="57"/>
      <c r="B116" s="131"/>
      <c r="C116" s="33"/>
      <c r="D116" s="131"/>
      <c r="E116" s="33"/>
      <c r="F116" s="58"/>
      <c r="G116" s="33"/>
      <c r="H116" s="59"/>
      <c r="I116" s="33"/>
      <c r="J116" s="59"/>
      <c r="K116" s="132"/>
      <c r="L116" s="33"/>
      <c r="M116" s="133"/>
      <c r="N116" s="60"/>
      <c r="O116" s="61"/>
      <c r="P116" s="187"/>
      <c r="Q116" s="180"/>
      <c r="R116" s="33"/>
      <c r="S116" s="61"/>
      <c r="T116" s="134"/>
      <c r="U116" s="61"/>
      <c r="V116" s="59"/>
      <c r="W116" s="60"/>
      <c r="X116" s="60"/>
      <c r="Y116" s="60"/>
      <c r="Z116" s="135"/>
      <c r="AA116" s="27"/>
      <c r="AB116" s="27"/>
      <c r="AC116" s="27"/>
      <c r="AD116" s="28"/>
      <c r="AE116" s="29"/>
      <c r="AF116" s="29"/>
      <c r="AG116" s="29"/>
      <c r="AH116" s="27"/>
      <c r="AI116" s="27"/>
      <c r="AJ116" s="27"/>
      <c r="AK116" s="27"/>
      <c r="AL116" s="28"/>
      <c r="AM116" s="29"/>
      <c r="AN116" s="29"/>
      <c r="AO116" s="30"/>
    </row>
    <row r="117" spans="1:41" s="46" customFormat="1" ht="9.75" customHeight="1">
      <c r="A117" s="57"/>
      <c r="B117" s="131"/>
      <c r="C117" s="33"/>
      <c r="D117" s="131"/>
      <c r="E117" s="33"/>
      <c r="F117" s="58"/>
      <c r="G117" s="33"/>
      <c r="H117" s="59"/>
      <c r="I117" s="33"/>
      <c r="J117" s="59"/>
      <c r="K117" s="132"/>
      <c r="L117" s="33"/>
      <c r="M117" s="133"/>
      <c r="N117" s="60"/>
      <c r="O117" s="61"/>
      <c r="P117" s="185" t="s">
        <v>302</v>
      </c>
      <c r="Q117" s="178" t="s">
        <v>303</v>
      </c>
      <c r="R117" s="48"/>
      <c r="S117" s="52"/>
      <c r="T117" s="130"/>
      <c r="U117" s="52"/>
      <c r="V117" s="50"/>
      <c r="W117" s="51"/>
      <c r="X117" s="51"/>
      <c r="Y117" s="51"/>
      <c r="Z117" s="122" t="s">
        <v>3</v>
      </c>
      <c r="AA117" s="55"/>
      <c r="AB117" s="55"/>
      <c r="AC117" s="55"/>
      <c r="AD117" s="56"/>
      <c r="AE117" s="19"/>
      <c r="AF117" s="19"/>
      <c r="AG117" s="19"/>
      <c r="AH117" s="55"/>
      <c r="AI117" s="55"/>
      <c r="AJ117" s="55"/>
      <c r="AK117" s="55"/>
      <c r="AL117" s="56"/>
      <c r="AM117" s="19"/>
      <c r="AN117" s="19"/>
      <c r="AO117" s="26"/>
    </row>
    <row r="118" spans="1:41" s="46" customFormat="1" ht="9.75" customHeight="1">
      <c r="A118" s="57"/>
      <c r="B118" s="131"/>
      <c r="C118" s="33"/>
      <c r="D118" s="131"/>
      <c r="E118" s="33"/>
      <c r="F118" s="58"/>
      <c r="G118" s="33"/>
      <c r="H118" s="59"/>
      <c r="I118" s="33"/>
      <c r="J118" s="59"/>
      <c r="K118" s="132"/>
      <c r="L118" s="33"/>
      <c r="M118" s="133"/>
      <c r="N118" s="60"/>
      <c r="O118" s="61"/>
      <c r="P118" s="186"/>
      <c r="Q118" s="179"/>
      <c r="R118" s="33"/>
      <c r="S118" s="61" t="s">
        <v>530</v>
      </c>
      <c r="T118" s="134" t="s">
        <v>531</v>
      </c>
      <c r="U118" s="61"/>
      <c r="V118" s="59" t="s">
        <v>30</v>
      </c>
      <c r="W118" s="60" t="s">
        <v>30</v>
      </c>
      <c r="X118" s="60" t="s">
        <v>30</v>
      </c>
      <c r="Y118" s="60" t="s">
        <v>532</v>
      </c>
      <c r="Z118" s="135"/>
      <c r="AA118" s="27"/>
      <c r="AB118" s="27"/>
      <c r="AC118" s="27"/>
      <c r="AD118" s="28"/>
      <c r="AE118" s="29"/>
      <c r="AF118" s="29"/>
      <c r="AG118" s="29"/>
      <c r="AH118" s="27"/>
      <c r="AI118" s="27"/>
      <c r="AJ118" s="27"/>
      <c r="AK118" s="27"/>
      <c r="AL118" s="28"/>
      <c r="AM118" s="29"/>
      <c r="AN118" s="29"/>
      <c r="AO118" s="30"/>
    </row>
    <row r="119" spans="1:41" s="46" customFormat="1" ht="9.75" customHeight="1">
      <c r="A119" s="57"/>
      <c r="B119" s="131"/>
      <c r="C119" s="33"/>
      <c r="D119" s="131"/>
      <c r="E119" s="33"/>
      <c r="F119" s="58"/>
      <c r="G119" s="33"/>
      <c r="H119" s="59"/>
      <c r="I119" s="33"/>
      <c r="J119" s="59"/>
      <c r="K119" s="132"/>
      <c r="L119" s="33"/>
      <c r="M119" s="133"/>
      <c r="N119" s="60"/>
      <c r="O119" s="61"/>
      <c r="P119" s="187"/>
      <c r="Q119" s="180"/>
      <c r="R119" s="33"/>
      <c r="S119" s="61"/>
      <c r="T119" s="134"/>
      <c r="U119" s="61"/>
      <c r="V119" s="59"/>
      <c r="W119" s="60"/>
      <c r="X119" s="60"/>
      <c r="Y119" s="60"/>
      <c r="Z119" s="135"/>
      <c r="AA119" s="27"/>
      <c r="AB119" s="27"/>
      <c r="AC119" s="27"/>
      <c r="AD119" s="28"/>
      <c r="AE119" s="29"/>
      <c r="AF119" s="29"/>
      <c r="AG119" s="29"/>
      <c r="AH119" s="27"/>
      <c r="AI119" s="27"/>
      <c r="AJ119" s="27"/>
      <c r="AK119" s="27"/>
      <c r="AL119" s="28"/>
      <c r="AM119" s="29"/>
      <c r="AN119" s="29"/>
      <c r="AO119" s="30"/>
    </row>
    <row r="120" spans="1:41" s="46" customFormat="1" ht="9.75" customHeight="1">
      <c r="A120" s="57"/>
      <c r="B120" s="131"/>
      <c r="C120" s="33"/>
      <c r="D120" s="131"/>
      <c r="E120" s="33"/>
      <c r="F120" s="58"/>
      <c r="G120" s="33"/>
      <c r="H120" s="59"/>
      <c r="I120" s="33"/>
      <c r="J120" s="59"/>
      <c r="K120" s="132"/>
      <c r="L120" s="33"/>
      <c r="M120" s="133"/>
      <c r="N120" s="60"/>
      <c r="O120" s="61"/>
      <c r="P120" s="185" t="s">
        <v>89</v>
      </c>
      <c r="Q120" s="178" t="s">
        <v>90</v>
      </c>
      <c r="R120" s="48"/>
      <c r="S120" s="52"/>
      <c r="T120" s="130"/>
      <c r="U120" s="52"/>
      <c r="V120" s="50"/>
      <c r="W120" s="51"/>
      <c r="X120" s="51"/>
      <c r="Y120" s="51"/>
      <c r="Z120" s="122" t="s">
        <v>3</v>
      </c>
      <c r="AA120" s="55"/>
      <c r="AB120" s="55"/>
      <c r="AC120" s="55"/>
      <c r="AD120" s="56"/>
      <c r="AE120" s="19"/>
      <c r="AF120" s="19"/>
      <c r="AG120" s="19"/>
      <c r="AH120" s="55"/>
      <c r="AI120" s="55"/>
      <c r="AJ120" s="55"/>
      <c r="AK120" s="55"/>
      <c r="AL120" s="56"/>
      <c r="AM120" s="19"/>
      <c r="AN120" s="19"/>
      <c r="AO120" s="26"/>
    </row>
    <row r="121" spans="1:41" s="46" customFormat="1" ht="9.75" customHeight="1">
      <c r="A121" s="57"/>
      <c r="B121" s="131"/>
      <c r="C121" s="33"/>
      <c r="D121" s="131"/>
      <c r="E121" s="33"/>
      <c r="F121" s="58"/>
      <c r="G121" s="33"/>
      <c r="H121" s="59"/>
      <c r="I121" s="33"/>
      <c r="J121" s="59"/>
      <c r="K121" s="132"/>
      <c r="L121" s="33"/>
      <c r="M121" s="133"/>
      <c r="N121" s="60"/>
      <c r="O121" s="61"/>
      <c r="P121" s="186"/>
      <c r="Q121" s="179"/>
      <c r="R121" s="33"/>
      <c r="S121" s="61" t="s">
        <v>533</v>
      </c>
      <c r="T121" s="134" t="s">
        <v>534</v>
      </c>
      <c r="U121" s="61"/>
      <c r="V121" s="59" t="s">
        <v>30</v>
      </c>
      <c r="W121" s="60" t="s">
        <v>30</v>
      </c>
      <c r="X121" s="60" t="s">
        <v>30</v>
      </c>
      <c r="Y121" s="60" t="s">
        <v>535</v>
      </c>
      <c r="Z121" s="135"/>
      <c r="AA121" s="27"/>
      <c r="AB121" s="27"/>
      <c r="AC121" s="27"/>
      <c r="AD121" s="28"/>
      <c r="AE121" s="29"/>
      <c r="AF121" s="29"/>
      <c r="AG121" s="29"/>
      <c r="AH121" s="27"/>
      <c r="AI121" s="27"/>
      <c r="AJ121" s="27"/>
      <c r="AK121" s="27"/>
      <c r="AL121" s="28"/>
      <c r="AM121" s="29"/>
      <c r="AN121" s="29"/>
      <c r="AO121" s="30"/>
    </row>
    <row r="122" spans="1:41" s="46" customFormat="1" ht="9.75" customHeight="1">
      <c r="A122" s="57"/>
      <c r="B122" s="131"/>
      <c r="C122" s="33"/>
      <c r="D122" s="131"/>
      <c r="E122" s="33"/>
      <c r="F122" s="58"/>
      <c r="G122" s="33"/>
      <c r="H122" s="59"/>
      <c r="I122" s="33"/>
      <c r="J122" s="59"/>
      <c r="K122" s="132"/>
      <c r="L122" s="33"/>
      <c r="M122" s="133"/>
      <c r="N122" s="60"/>
      <c r="O122" s="61"/>
      <c r="P122" s="187"/>
      <c r="Q122" s="180"/>
      <c r="R122" s="33"/>
      <c r="S122" s="61"/>
      <c r="T122" s="134"/>
      <c r="U122" s="61"/>
      <c r="V122" s="59"/>
      <c r="W122" s="60"/>
      <c r="X122" s="60"/>
      <c r="Y122" s="60"/>
      <c r="Z122" s="135"/>
      <c r="AA122" s="27"/>
      <c r="AB122" s="27"/>
      <c r="AC122" s="27"/>
      <c r="AD122" s="28"/>
      <c r="AE122" s="29"/>
      <c r="AF122" s="29"/>
      <c r="AG122" s="29"/>
      <c r="AH122" s="27"/>
      <c r="AI122" s="27"/>
      <c r="AJ122" s="27"/>
      <c r="AK122" s="27"/>
      <c r="AL122" s="28"/>
      <c r="AM122" s="29"/>
      <c r="AN122" s="29"/>
      <c r="AO122" s="30"/>
    </row>
    <row r="123" spans="1:41" s="46" customFormat="1" ht="9.75" customHeight="1">
      <c r="A123" s="57"/>
      <c r="B123" s="131"/>
      <c r="C123" s="33"/>
      <c r="D123" s="131"/>
      <c r="E123" s="33"/>
      <c r="F123" s="58"/>
      <c r="G123" s="33"/>
      <c r="H123" s="59"/>
      <c r="I123" s="33"/>
      <c r="J123" s="59"/>
      <c r="K123" s="132"/>
      <c r="L123" s="33"/>
      <c r="M123" s="133"/>
      <c r="N123" s="60"/>
      <c r="O123" s="61"/>
      <c r="P123" s="185" t="s">
        <v>94</v>
      </c>
      <c r="Q123" s="178" t="s">
        <v>95</v>
      </c>
      <c r="R123" s="48"/>
      <c r="S123" s="52"/>
      <c r="T123" s="130"/>
      <c r="U123" s="52"/>
      <c r="V123" s="50"/>
      <c r="W123" s="51"/>
      <c r="X123" s="51"/>
      <c r="Y123" s="51"/>
      <c r="Z123" s="122" t="s">
        <v>3</v>
      </c>
      <c r="AA123" s="55"/>
      <c r="AB123" s="55"/>
      <c r="AC123" s="55"/>
      <c r="AD123" s="56"/>
      <c r="AE123" s="19"/>
      <c r="AF123" s="19"/>
      <c r="AG123" s="19"/>
      <c r="AH123" s="55"/>
      <c r="AI123" s="55"/>
      <c r="AJ123" s="55"/>
      <c r="AK123" s="55"/>
      <c r="AL123" s="56"/>
      <c r="AM123" s="19"/>
      <c r="AN123" s="19"/>
      <c r="AO123" s="26"/>
    </row>
    <row r="124" spans="1:41" s="46" customFormat="1" ht="9.75" customHeight="1">
      <c r="A124" s="57"/>
      <c r="B124" s="131"/>
      <c r="C124" s="33"/>
      <c r="D124" s="131"/>
      <c r="E124" s="33"/>
      <c r="F124" s="58"/>
      <c r="G124" s="33"/>
      <c r="H124" s="59"/>
      <c r="I124" s="33"/>
      <c r="J124" s="59"/>
      <c r="K124" s="132"/>
      <c r="L124" s="33"/>
      <c r="M124" s="133"/>
      <c r="N124" s="60"/>
      <c r="O124" s="61"/>
      <c r="P124" s="186"/>
      <c r="Q124" s="179"/>
      <c r="R124" s="33"/>
      <c r="S124" s="61" t="s">
        <v>536</v>
      </c>
      <c r="T124" s="134" t="s">
        <v>537</v>
      </c>
      <c r="U124" s="61"/>
      <c r="V124" s="59" t="s">
        <v>30</v>
      </c>
      <c r="W124" s="60" t="s">
        <v>30</v>
      </c>
      <c r="X124" s="60" t="s">
        <v>30</v>
      </c>
      <c r="Y124" s="60" t="s">
        <v>538</v>
      </c>
      <c r="Z124" s="135"/>
      <c r="AA124" s="27"/>
      <c r="AB124" s="27"/>
      <c r="AC124" s="27"/>
      <c r="AD124" s="28"/>
      <c r="AE124" s="29"/>
      <c r="AF124" s="29"/>
      <c r="AG124" s="29"/>
      <c r="AH124" s="27"/>
      <c r="AI124" s="27"/>
      <c r="AJ124" s="27"/>
      <c r="AK124" s="27"/>
      <c r="AL124" s="28"/>
      <c r="AM124" s="29"/>
      <c r="AN124" s="29"/>
      <c r="AO124" s="30"/>
    </row>
    <row r="125" spans="1:41" s="46" customFormat="1" ht="9.75" customHeight="1">
      <c r="A125" s="57"/>
      <c r="B125" s="131"/>
      <c r="C125" s="33"/>
      <c r="D125" s="131"/>
      <c r="E125" s="33"/>
      <c r="F125" s="58"/>
      <c r="G125" s="33"/>
      <c r="H125" s="59"/>
      <c r="I125" s="33"/>
      <c r="J125" s="59"/>
      <c r="K125" s="132"/>
      <c r="L125" s="33"/>
      <c r="M125" s="133"/>
      <c r="N125" s="60"/>
      <c r="O125" s="61"/>
      <c r="P125" s="187"/>
      <c r="Q125" s="180"/>
      <c r="R125" s="33"/>
      <c r="S125" s="61"/>
      <c r="T125" s="134"/>
      <c r="U125" s="61"/>
      <c r="V125" s="59"/>
      <c r="W125" s="60"/>
      <c r="X125" s="60"/>
      <c r="Y125" s="60"/>
      <c r="Z125" s="135"/>
      <c r="AA125" s="27"/>
      <c r="AB125" s="27"/>
      <c r="AC125" s="27"/>
      <c r="AD125" s="28"/>
      <c r="AE125" s="29"/>
      <c r="AF125" s="29"/>
      <c r="AG125" s="29"/>
      <c r="AH125" s="27"/>
      <c r="AI125" s="27"/>
      <c r="AJ125" s="27"/>
      <c r="AK125" s="27"/>
      <c r="AL125" s="28"/>
      <c r="AM125" s="29"/>
      <c r="AN125" s="29"/>
      <c r="AO125" s="30"/>
    </row>
    <row r="126" spans="1:41" s="46" customFormat="1" ht="9.75" customHeight="1">
      <c r="A126" s="57"/>
      <c r="B126" s="131"/>
      <c r="C126" s="33"/>
      <c r="D126" s="131"/>
      <c r="E126" s="33"/>
      <c r="F126" s="58"/>
      <c r="G126" s="33"/>
      <c r="H126" s="59"/>
      <c r="I126" s="33"/>
      <c r="J126" s="59"/>
      <c r="K126" s="132"/>
      <c r="L126" s="33"/>
      <c r="M126" s="133"/>
      <c r="N126" s="60"/>
      <c r="O126" s="61"/>
      <c r="P126" s="185" t="s">
        <v>307</v>
      </c>
      <c r="Q126" s="178" t="s">
        <v>308</v>
      </c>
      <c r="R126" s="48"/>
      <c r="S126" s="52"/>
      <c r="T126" s="130"/>
      <c r="U126" s="52"/>
      <c r="V126" s="50"/>
      <c r="W126" s="51"/>
      <c r="X126" s="51"/>
      <c r="Y126" s="51"/>
      <c r="Z126" s="122" t="s">
        <v>3</v>
      </c>
      <c r="AA126" s="55"/>
      <c r="AB126" s="55"/>
      <c r="AC126" s="55"/>
      <c r="AD126" s="56"/>
      <c r="AE126" s="19"/>
      <c r="AF126" s="19"/>
      <c r="AG126" s="19"/>
      <c r="AH126" s="55"/>
      <c r="AI126" s="55"/>
      <c r="AJ126" s="55"/>
      <c r="AK126" s="55"/>
      <c r="AL126" s="56"/>
      <c r="AM126" s="19"/>
      <c r="AN126" s="19"/>
      <c r="AO126" s="26"/>
    </row>
    <row r="127" spans="1:41" s="46" customFormat="1" ht="9.75" customHeight="1">
      <c r="A127" s="57"/>
      <c r="B127" s="131"/>
      <c r="C127" s="33"/>
      <c r="D127" s="131"/>
      <c r="E127" s="33"/>
      <c r="F127" s="58"/>
      <c r="G127" s="33"/>
      <c r="H127" s="59"/>
      <c r="I127" s="33"/>
      <c r="J127" s="59"/>
      <c r="K127" s="132"/>
      <c r="L127" s="33"/>
      <c r="M127" s="133"/>
      <c r="N127" s="60"/>
      <c r="O127" s="61"/>
      <c r="P127" s="186"/>
      <c r="Q127" s="179"/>
      <c r="R127" s="33"/>
      <c r="S127" s="61" t="s">
        <v>539</v>
      </c>
      <c r="T127" s="134" t="s">
        <v>540</v>
      </c>
      <c r="U127" s="61"/>
      <c r="V127" s="59" t="s">
        <v>30</v>
      </c>
      <c r="W127" s="60" t="s">
        <v>30</v>
      </c>
      <c r="X127" s="60" t="s">
        <v>30</v>
      </c>
      <c r="Y127" s="60" t="s">
        <v>541</v>
      </c>
      <c r="Z127" s="135"/>
      <c r="AA127" s="27"/>
      <c r="AB127" s="27"/>
      <c r="AC127" s="27"/>
      <c r="AD127" s="28"/>
      <c r="AE127" s="29"/>
      <c r="AF127" s="29"/>
      <c r="AG127" s="29"/>
      <c r="AH127" s="27"/>
      <c r="AI127" s="27"/>
      <c r="AJ127" s="27"/>
      <c r="AK127" s="27"/>
      <c r="AL127" s="28"/>
      <c r="AM127" s="29"/>
      <c r="AN127" s="29"/>
      <c r="AO127" s="30"/>
    </row>
    <row r="128" spans="1:41" s="46" customFormat="1" ht="9.75" customHeight="1">
      <c r="A128" s="57"/>
      <c r="B128" s="131"/>
      <c r="C128" s="33"/>
      <c r="D128" s="131"/>
      <c r="E128" s="33"/>
      <c r="F128" s="58"/>
      <c r="G128" s="33"/>
      <c r="H128" s="59"/>
      <c r="I128" s="33"/>
      <c r="J128" s="59"/>
      <c r="K128" s="132"/>
      <c r="L128" s="33"/>
      <c r="M128" s="133"/>
      <c r="N128" s="60"/>
      <c r="O128" s="61"/>
      <c r="P128" s="187"/>
      <c r="Q128" s="180"/>
      <c r="R128" s="33"/>
      <c r="S128" s="61"/>
      <c r="T128" s="134"/>
      <c r="U128" s="61"/>
      <c r="V128" s="59"/>
      <c r="W128" s="60"/>
      <c r="X128" s="60"/>
      <c r="Y128" s="60"/>
      <c r="Z128" s="135"/>
      <c r="AA128" s="27"/>
      <c r="AB128" s="27"/>
      <c r="AC128" s="27"/>
      <c r="AD128" s="28"/>
      <c r="AE128" s="29"/>
      <c r="AF128" s="29"/>
      <c r="AG128" s="29"/>
      <c r="AH128" s="27"/>
      <c r="AI128" s="27"/>
      <c r="AJ128" s="27"/>
      <c r="AK128" s="27"/>
      <c r="AL128" s="28"/>
      <c r="AM128" s="29"/>
      <c r="AN128" s="29"/>
      <c r="AO128" s="30"/>
    </row>
    <row r="129" spans="1:41" s="46" customFormat="1" ht="9.75" customHeight="1">
      <c r="A129" s="57"/>
      <c r="B129" s="131"/>
      <c r="C129" s="33"/>
      <c r="D129" s="131"/>
      <c r="E129" s="33"/>
      <c r="F129" s="58"/>
      <c r="G129" s="33"/>
      <c r="H129" s="59"/>
      <c r="I129" s="33"/>
      <c r="J129" s="59"/>
      <c r="K129" s="132"/>
      <c r="L129" s="33"/>
      <c r="M129" s="133"/>
      <c r="N129" s="60"/>
      <c r="O129" s="61"/>
      <c r="P129" s="185" t="s">
        <v>97</v>
      </c>
      <c r="Q129" s="188" t="s">
        <v>98</v>
      </c>
      <c r="R129" s="48"/>
      <c r="S129" s="52"/>
      <c r="T129" s="130"/>
      <c r="U129" s="52"/>
      <c r="V129" s="50"/>
      <c r="W129" s="51"/>
      <c r="X129" s="51"/>
      <c r="Y129" s="51"/>
      <c r="Z129" s="122" t="s">
        <v>3</v>
      </c>
      <c r="AA129" s="55"/>
      <c r="AB129" s="55"/>
      <c r="AC129" s="55"/>
      <c r="AD129" s="56"/>
      <c r="AE129" s="19"/>
      <c r="AF129" s="19"/>
      <c r="AG129" s="19"/>
      <c r="AH129" s="55"/>
      <c r="AI129" s="55"/>
      <c r="AJ129" s="55"/>
      <c r="AK129" s="55"/>
      <c r="AL129" s="56"/>
      <c r="AM129" s="19"/>
      <c r="AN129" s="19"/>
      <c r="AO129" s="26"/>
    </row>
    <row r="130" spans="1:41" s="46" customFormat="1" ht="9.75" customHeight="1">
      <c r="A130" s="57"/>
      <c r="B130" s="131"/>
      <c r="C130" s="33"/>
      <c r="D130" s="131"/>
      <c r="E130" s="33"/>
      <c r="F130" s="58"/>
      <c r="G130" s="33"/>
      <c r="H130" s="59"/>
      <c r="I130" s="33"/>
      <c r="J130" s="59"/>
      <c r="K130" s="132"/>
      <c r="L130" s="33"/>
      <c r="M130" s="133"/>
      <c r="N130" s="60"/>
      <c r="O130" s="61"/>
      <c r="P130" s="186"/>
      <c r="Q130" s="179"/>
      <c r="R130" s="33"/>
      <c r="S130" s="61" t="s">
        <v>542</v>
      </c>
      <c r="T130" s="134" t="s">
        <v>543</v>
      </c>
      <c r="U130" s="61"/>
      <c r="V130" s="59" t="s">
        <v>30</v>
      </c>
      <c r="W130" s="60" t="s">
        <v>30</v>
      </c>
      <c r="X130" s="60" t="s">
        <v>30</v>
      </c>
      <c r="Y130" s="60" t="s">
        <v>544</v>
      </c>
      <c r="Z130" s="135"/>
      <c r="AA130" s="27"/>
      <c r="AB130" s="27"/>
      <c r="AC130" s="27"/>
      <c r="AD130" s="28"/>
      <c r="AE130" s="29"/>
      <c r="AF130" s="29"/>
      <c r="AG130" s="29"/>
      <c r="AH130" s="27"/>
      <c r="AI130" s="27"/>
      <c r="AJ130" s="27"/>
      <c r="AK130" s="27"/>
      <c r="AL130" s="28"/>
      <c r="AM130" s="29"/>
      <c r="AN130" s="29"/>
      <c r="AO130" s="30"/>
    </row>
    <row r="131" spans="1:41" s="46" customFormat="1" ht="9.75" customHeight="1">
      <c r="A131" s="57"/>
      <c r="B131" s="131"/>
      <c r="C131" s="33"/>
      <c r="D131" s="131"/>
      <c r="E131" s="33"/>
      <c r="F131" s="58"/>
      <c r="G131" s="33"/>
      <c r="H131" s="59"/>
      <c r="I131" s="33"/>
      <c r="J131" s="59"/>
      <c r="K131" s="132"/>
      <c r="L131" s="33"/>
      <c r="M131" s="133"/>
      <c r="N131" s="60"/>
      <c r="O131" s="61"/>
      <c r="P131" s="187"/>
      <c r="Q131" s="180"/>
      <c r="R131" s="33"/>
      <c r="S131" s="61"/>
      <c r="T131" s="134"/>
      <c r="U131" s="61"/>
      <c r="V131" s="59"/>
      <c r="W131" s="60"/>
      <c r="X131" s="60"/>
      <c r="Y131" s="60"/>
      <c r="Z131" s="135"/>
      <c r="AA131" s="27"/>
      <c r="AB131" s="27"/>
      <c r="AC131" s="27"/>
      <c r="AD131" s="28"/>
      <c r="AE131" s="29"/>
      <c r="AF131" s="29"/>
      <c r="AG131" s="29"/>
      <c r="AH131" s="27"/>
      <c r="AI131" s="27"/>
      <c r="AJ131" s="27"/>
      <c r="AK131" s="27"/>
      <c r="AL131" s="28"/>
      <c r="AM131" s="29"/>
      <c r="AN131" s="29"/>
      <c r="AO131" s="30"/>
    </row>
    <row r="132" spans="1:41" s="46" customFormat="1" ht="9.75" customHeight="1">
      <c r="A132" s="57"/>
      <c r="B132" s="131"/>
      <c r="C132" s="33"/>
      <c r="D132" s="131"/>
      <c r="E132" s="33"/>
      <c r="F132" s="58"/>
      <c r="G132" s="33"/>
      <c r="H132" s="59"/>
      <c r="I132" s="33"/>
      <c r="J132" s="59"/>
      <c r="K132" s="132"/>
      <c r="L132" s="33"/>
      <c r="M132" s="133"/>
      <c r="N132" s="60"/>
      <c r="O132" s="61"/>
      <c r="P132" s="185" t="s">
        <v>471</v>
      </c>
      <c r="Q132" s="178" t="s">
        <v>472</v>
      </c>
      <c r="R132" s="48"/>
      <c r="S132" s="52"/>
      <c r="T132" s="130"/>
      <c r="U132" s="52"/>
      <c r="V132" s="50"/>
      <c r="W132" s="51"/>
      <c r="X132" s="51"/>
      <c r="Y132" s="51"/>
      <c r="Z132" s="122" t="s">
        <v>3</v>
      </c>
      <c r="AA132" s="55"/>
      <c r="AB132" s="55"/>
      <c r="AC132" s="55"/>
      <c r="AD132" s="56"/>
      <c r="AE132" s="19"/>
      <c r="AF132" s="19"/>
      <c r="AG132" s="19"/>
      <c r="AH132" s="55"/>
      <c r="AI132" s="55"/>
      <c r="AJ132" s="55"/>
      <c r="AK132" s="55"/>
      <c r="AL132" s="56"/>
      <c r="AM132" s="19"/>
      <c r="AN132" s="19"/>
      <c r="AO132" s="26"/>
    </row>
    <row r="133" spans="1:41" s="46" customFormat="1" ht="9.75" customHeight="1">
      <c r="A133" s="57"/>
      <c r="B133" s="131"/>
      <c r="C133" s="33"/>
      <c r="D133" s="131"/>
      <c r="E133" s="33"/>
      <c r="F133" s="58"/>
      <c r="G133" s="33"/>
      <c r="H133" s="59"/>
      <c r="I133" s="33"/>
      <c r="J133" s="59"/>
      <c r="K133" s="132"/>
      <c r="L133" s="33"/>
      <c r="M133" s="133"/>
      <c r="N133" s="60"/>
      <c r="O133" s="61"/>
      <c r="P133" s="186"/>
      <c r="Q133" s="179"/>
      <c r="R133" s="33"/>
      <c r="S133" s="61" t="s">
        <v>545</v>
      </c>
      <c r="T133" s="134" t="s">
        <v>546</v>
      </c>
      <c r="U133" s="61"/>
      <c r="V133" s="59" t="s">
        <v>30</v>
      </c>
      <c r="W133" s="60" t="s">
        <v>30</v>
      </c>
      <c r="X133" s="60" t="s">
        <v>30</v>
      </c>
      <c r="Y133" s="60" t="s">
        <v>547</v>
      </c>
      <c r="Z133" s="135"/>
      <c r="AA133" s="27"/>
      <c r="AB133" s="27"/>
      <c r="AC133" s="27"/>
      <c r="AD133" s="28"/>
      <c r="AE133" s="29"/>
      <c r="AF133" s="29"/>
      <c r="AG133" s="29"/>
      <c r="AH133" s="27"/>
      <c r="AI133" s="27"/>
      <c r="AJ133" s="27"/>
      <c r="AK133" s="27"/>
      <c r="AL133" s="28"/>
      <c r="AM133" s="29"/>
      <c r="AN133" s="29"/>
      <c r="AO133" s="30"/>
    </row>
    <row r="134" spans="1:41" s="46" customFormat="1" ht="9.75" customHeight="1">
      <c r="A134" s="57"/>
      <c r="B134" s="131"/>
      <c r="C134" s="33"/>
      <c r="D134" s="131"/>
      <c r="E134" s="33"/>
      <c r="F134" s="58"/>
      <c r="G134" s="33"/>
      <c r="H134" s="59"/>
      <c r="I134" s="33"/>
      <c r="J134" s="59"/>
      <c r="K134" s="132"/>
      <c r="L134" s="33"/>
      <c r="M134" s="133"/>
      <c r="N134" s="60"/>
      <c r="O134" s="61"/>
      <c r="P134" s="187"/>
      <c r="Q134" s="180"/>
      <c r="R134" s="33"/>
      <c r="S134" s="61"/>
      <c r="T134" s="134"/>
      <c r="U134" s="61"/>
      <c r="V134" s="59"/>
      <c r="W134" s="60"/>
      <c r="X134" s="60"/>
      <c r="Y134" s="60"/>
      <c r="Z134" s="135"/>
      <c r="AA134" s="27"/>
      <c r="AB134" s="27"/>
      <c r="AC134" s="27"/>
      <c r="AD134" s="28"/>
      <c r="AE134" s="29"/>
      <c r="AF134" s="29"/>
      <c r="AG134" s="29"/>
      <c r="AH134" s="27"/>
      <c r="AI134" s="27"/>
      <c r="AJ134" s="27"/>
      <c r="AK134" s="27"/>
      <c r="AL134" s="28"/>
      <c r="AM134" s="29"/>
      <c r="AN134" s="29"/>
      <c r="AO134" s="30"/>
    </row>
    <row r="135" spans="1:41" s="46" customFormat="1" ht="9.75" customHeight="1">
      <c r="A135" s="57"/>
      <c r="B135" s="131"/>
      <c r="C135" s="33"/>
      <c r="D135" s="131"/>
      <c r="E135" s="33"/>
      <c r="F135" s="58"/>
      <c r="G135" s="33"/>
      <c r="H135" s="59"/>
      <c r="I135" s="33"/>
      <c r="J135" s="59"/>
      <c r="K135" s="132"/>
      <c r="L135" s="33"/>
      <c r="M135" s="133"/>
      <c r="N135" s="60"/>
      <c r="O135" s="61"/>
      <c r="P135" s="185" t="s">
        <v>102</v>
      </c>
      <c r="Q135" s="188" t="s">
        <v>103</v>
      </c>
      <c r="R135" s="48"/>
      <c r="S135" s="52"/>
      <c r="T135" s="130"/>
      <c r="U135" s="52"/>
      <c r="V135" s="50"/>
      <c r="W135" s="51"/>
      <c r="X135" s="51"/>
      <c r="Y135" s="51"/>
      <c r="Z135" s="122" t="s">
        <v>3</v>
      </c>
      <c r="AA135" s="55"/>
      <c r="AB135" s="55"/>
      <c r="AC135" s="55"/>
      <c r="AD135" s="56"/>
      <c r="AE135" s="19"/>
      <c r="AF135" s="19"/>
      <c r="AG135" s="19"/>
      <c r="AH135" s="55"/>
      <c r="AI135" s="55"/>
      <c r="AJ135" s="55"/>
      <c r="AK135" s="55"/>
      <c r="AL135" s="56"/>
      <c r="AM135" s="19"/>
      <c r="AN135" s="19"/>
      <c r="AO135" s="26"/>
    </row>
    <row r="136" spans="1:41" s="46" customFormat="1" ht="9.75" customHeight="1">
      <c r="A136" s="57"/>
      <c r="B136" s="131"/>
      <c r="C136" s="33"/>
      <c r="D136" s="131"/>
      <c r="E136" s="33"/>
      <c r="F136" s="58"/>
      <c r="G136" s="33"/>
      <c r="H136" s="59"/>
      <c r="I136" s="33"/>
      <c r="J136" s="59"/>
      <c r="K136" s="132"/>
      <c r="L136" s="33"/>
      <c r="M136" s="133"/>
      <c r="N136" s="60"/>
      <c r="O136" s="61"/>
      <c r="P136" s="186"/>
      <c r="Q136" s="179"/>
      <c r="R136" s="33"/>
      <c r="S136" s="61" t="s">
        <v>548</v>
      </c>
      <c r="T136" s="134" t="s">
        <v>549</v>
      </c>
      <c r="U136" s="61"/>
      <c r="V136" s="59" t="s">
        <v>30</v>
      </c>
      <c r="W136" s="60" t="s">
        <v>30</v>
      </c>
      <c r="X136" s="60" t="s">
        <v>30</v>
      </c>
      <c r="Y136" s="60" t="s">
        <v>550</v>
      </c>
      <c r="Z136" s="135"/>
      <c r="AA136" s="27"/>
      <c r="AB136" s="27"/>
      <c r="AC136" s="27"/>
      <c r="AD136" s="28"/>
      <c r="AE136" s="29"/>
      <c r="AF136" s="29"/>
      <c r="AG136" s="29"/>
      <c r="AH136" s="27"/>
      <c r="AI136" s="27"/>
      <c r="AJ136" s="27"/>
      <c r="AK136" s="27"/>
      <c r="AL136" s="28"/>
      <c r="AM136" s="29"/>
      <c r="AN136" s="29"/>
      <c r="AO136" s="30"/>
    </row>
    <row r="137" spans="1:41" s="46" customFormat="1" ht="9.75" customHeight="1">
      <c r="A137" s="57"/>
      <c r="B137" s="131"/>
      <c r="C137" s="33"/>
      <c r="D137" s="131"/>
      <c r="E137" s="33"/>
      <c r="F137" s="58"/>
      <c r="G137" s="33"/>
      <c r="H137" s="59"/>
      <c r="I137" s="33"/>
      <c r="J137" s="59"/>
      <c r="K137" s="132"/>
      <c r="L137" s="33"/>
      <c r="M137" s="133"/>
      <c r="N137" s="60"/>
      <c r="O137" s="61"/>
      <c r="P137" s="187"/>
      <c r="Q137" s="180"/>
      <c r="R137" s="33"/>
      <c r="S137" s="61"/>
      <c r="T137" s="134"/>
      <c r="U137" s="61"/>
      <c r="V137" s="59"/>
      <c r="W137" s="60"/>
      <c r="X137" s="60"/>
      <c r="Y137" s="60"/>
      <c r="Z137" s="135"/>
      <c r="AA137" s="27"/>
      <c r="AB137" s="27"/>
      <c r="AC137" s="27"/>
      <c r="AD137" s="28"/>
      <c r="AE137" s="29"/>
      <c r="AF137" s="29"/>
      <c r="AG137" s="29"/>
      <c r="AH137" s="27"/>
      <c r="AI137" s="27"/>
      <c r="AJ137" s="27"/>
      <c r="AK137" s="27"/>
      <c r="AL137" s="28"/>
      <c r="AM137" s="29"/>
      <c r="AN137" s="29"/>
      <c r="AO137" s="30"/>
    </row>
    <row r="138" spans="1:41" s="46" customFormat="1" ht="9.75" customHeight="1">
      <c r="A138" s="57"/>
      <c r="B138" s="141"/>
      <c r="C138" s="33"/>
      <c r="D138" s="34"/>
      <c r="E138" s="175" t="s">
        <v>293</v>
      </c>
      <c r="F138" s="178" t="s">
        <v>551</v>
      </c>
      <c r="G138" s="48"/>
      <c r="H138" s="50"/>
      <c r="I138" s="48"/>
      <c r="J138" s="50"/>
      <c r="K138" s="128"/>
      <c r="L138" s="48"/>
      <c r="M138" s="129"/>
      <c r="N138" s="51"/>
      <c r="O138" s="52"/>
      <c r="P138" s="52"/>
      <c r="Q138" s="76"/>
      <c r="R138" s="48"/>
      <c r="S138" s="52"/>
      <c r="T138" s="130"/>
      <c r="U138" s="52"/>
      <c r="V138" s="50"/>
      <c r="W138" s="51"/>
      <c r="X138" s="51"/>
      <c r="Y138" s="51"/>
      <c r="Z138" s="122" t="s">
        <v>79</v>
      </c>
      <c r="AA138" s="55"/>
      <c r="AB138" s="55"/>
      <c r="AC138" s="55"/>
      <c r="AD138" s="56"/>
      <c r="AE138" s="19"/>
      <c r="AF138" s="19"/>
      <c r="AG138" s="19"/>
      <c r="AH138" s="55"/>
      <c r="AI138" s="55"/>
      <c r="AJ138" s="55"/>
      <c r="AK138" s="55"/>
      <c r="AL138" s="56"/>
      <c r="AM138" s="19"/>
      <c r="AN138" s="19"/>
      <c r="AO138" s="26"/>
    </row>
    <row r="139" spans="1:41" s="46" customFormat="1" ht="9.75" customHeight="1">
      <c r="A139" s="57"/>
      <c r="B139" s="141"/>
      <c r="C139" s="33"/>
      <c r="D139" s="141"/>
      <c r="E139" s="176"/>
      <c r="F139" s="179"/>
      <c r="G139" s="33"/>
      <c r="H139" s="59" t="s">
        <v>552</v>
      </c>
      <c r="I139" s="33" t="s">
        <v>133</v>
      </c>
      <c r="J139" s="59" t="s">
        <v>553</v>
      </c>
      <c r="K139" s="132" t="s">
        <v>554</v>
      </c>
      <c r="L139" s="33"/>
      <c r="M139" s="133" t="s">
        <v>30</v>
      </c>
      <c r="N139" s="60" t="s">
        <v>555</v>
      </c>
      <c r="O139" s="61"/>
      <c r="P139" s="61"/>
      <c r="Q139" s="58"/>
      <c r="R139" s="33"/>
      <c r="S139" s="61"/>
      <c r="T139" s="134" t="s">
        <v>556</v>
      </c>
      <c r="U139" s="61"/>
      <c r="V139" s="59" t="s">
        <v>30</v>
      </c>
      <c r="W139" s="60" t="s">
        <v>557</v>
      </c>
      <c r="X139" s="60" t="s">
        <v>419</v>
      </c>
      <c r="Y139" s="60" t="s">
        <v>558</v>
      </c>
      <c r="Z139" s="135"/>
      <c r="AA139" s="27"/>
      <c r="AB139" s="27"/>
      <c r="AC139" s="27"/>
      <c r="AD139" s="28"/>
      <c r="AE139" s="29"/>
      <c r="AF139" s="29"/>
      <c r="AG139" s="29"/>
      <c r="AH139" s="27"/>
      <c r="AI139" s="27"/>
      <c r="AJ139" s="27"/>
      <c r="AK139" s="27"/>
      <c r="AL139" s="28"/>
      <c r="AM139" s="29"/>
      <c r="AN139" s="29"/>
      <c r="AO139" s="30" t="s">
        <v>421</v>
      </c>
    </row>
    <row r="140" spans="1:41" s="46" customFormat="1" ht="9.75" customHeight="1">
      <c r="A140" s="57"/>
      <c r="B140" s="141"/>
      <c r="C140" s="33"/>
      <c r="D140" s="141"/>
      <c r="E140" s="176"/>
      <c r="F140" s="179"/>
      <c r="G140" s="33"/>
      <c r="H140" s="59"/>
      <c r="I140" s="33"/>
      <c r="J140" s="59"/>
      <c r="K140" s="132"/>
      <c r="L140" s="33"/>
      <c r="M140" s="133"/>
      <c r="N140" s="60"/>
      <c r="O140" s="61"/>
      <c r="P140" s="61"/>
      <c r="Q140" s="58"/>
      <c r="R140" s="33"/>
      <c r="S140" s="61"/>
      <c r="T140" s="134"/>
      <c r="U140" s="61"/>
      <c r="V140" s="59"/>
      <c r="W140" s="60"/>
      <c r="X140" s="60"/>
      <c r="Y140" s="60"/>
      <c r="Z140" s="135"/>
      <c r="AA140" s="27"/>
      <c r="AB140" s="27"/>
      <c r="AC140" s="27"/>
      <c r="AD140" s="28"/>
      <c r="AE140" s="29"/>
      <c r="AF140" s="29"/>
      <c r="AG140" s="29"/>
      <c r="AH140" s="27"/>
      <c r="AI140" s="27"/>
      <c r="AJ140" s="27"/>
      <c r="AK140" s="27"/>
      <c r="AL140" s="28"/>
      <c r="AM140" s="29"/>
      <c r="AN140" s="29"/>
      <c r="AO140" s="30"/>
    </row>
    <row r="141" spans="1:41" s="46" customFormat="1" ht="9.75" customHeight="1">
      <c r="A141" s="57"/>
      <c r="B141" s="131"/>
      <c r="C141" s="33"/>
      <c r="D141" s="141"/>
      <c r="E141" s="33"/>
      <c r="F141" s="34"/>
      <c r="G141" s="33"/>
      <c r="H141" s="59"/>
      <c r="I141" s="33"/>
      <c r="J141" s="59"/>
      <c r="K141" s="132"/>
      <c r="L141" s="33"/>
      <c r="M141" s="133"/>
      <c r="N141" s="60"/>
      <c r="O141" s="61"/>
      <c r="P141" s="185" t="s">
        <v>21</v>
      </c>
      <c r="Q141" s="178" t="s">
        <v>300</v>
      </c>
      <c r="R141" s="48"/>
      <c r="S141" s="52"/>
      <c r="T141" s="130"/>
      <c r="U141" s="52"/>
      <c r="V141" s="50"/>
      <c r="W141" s="51"/>
      <c r="X141" s="51"/>
      <c r="Y141" s="51"/>
      <c r="Z141" s="122" t="s">
        <v>3</v>
      </c>
      <c r="AA141" s="55"/>
      <c r="AB141" s="55"/>
      <c r="AC141" s="55"/>
      <c r="AD141" s="56"/>
      <c r="AE141" s="19"/>
      <c r="AF141" s="19"/>
      <c r="AG141" s="19"/>
      <c r="AH141" s="55"/>
      <c r="AI141" s="55"/>
      <c r="AJ141" s="55"/>
      <c r="AK141" s="55"/>
      <c r="AL141" s="56"/>
      <c r="AM141" s="19"/>
      <c r="AN141" s="19"/>
      <c r="AO141" s="26"/>
    </row>
    <row r="142" spans="1:41" s="46" customFormat="1" ht="9.75" customHeight="1">
      <c r="A142" s="57"/>
      <c r="B142" s="131"/>
      <c r="C142" s="33"/>
      <c r="D142" s="141"/>
      <c r="E142" s="33"/>
      <c r="F142" s="34"/>
      <c r="G142" s="33"/>
      <c r="H142" s="59"/>
      <c r="I142" s="33"/>
      <c r="J142" s="59"/>
      <c r="K142" s="132"/>
      <c r="L142" s="33"/>
      <c r="M142" s="133"/>
      <c r="N142" s="60"/>
      <c r="O142" s="61"/>
      <c r="P142" s="186"/>
      <c r="Q142" s="179"/>
      <c r="R142" s="33"/>
      <c r="S142" s="61" t="s">
        <v>559</v>
      </c>
      <c r="T142" s="134" t="s">
        <v>560</v>
      </c>
      <c r="U142" s="61"/>
      <c r="V142" s="59" t="s">
        <v>30</v>
      </c>
      <c r="W142" s="60" t="s">
        <v>30</v>
      </c>
      <c r="X142" s="60" t="s">
        <v>30</v>
      </c>
      <c r="Y142" s="60" t="s">
        <v>561</v>
      </c>
      <c r="Z142" s="135"/>
      <c r="AA142" s="27"/>
      <c r="AB142" s="27"/>
      <c r="AC142" s="27"/>
      <c r="AD142" s="28"/>
      <c r="AE142" s="29"/>
      <c r="AF142" s="29"/>
      <c r="AG142" s="29"/>
      <c r="AH142" s="27"/>
      <c r="AI142" s="27"/>
      <c r="AJ142" s="27"/>
      <c r="AK142" s="27"/>
      <c r="AL142" s="28"/>
      <c r="AM142" s="29"/>
      <c r="AN142" s="29"/>
      <c r="AO142" s="30"/>
    </row>
    <row r="143" spans="1:41" s="46" customFormat="1" ht="9.75" customHeight="1">
      <c r="A143" s="57"/>
      <c r="B143" s="131"/>
      <c r="C143" s="33"/>
      <c r="D143" s="141"/>
      <c r="E143" s="33"/>
      <c r="F143" s="34"/>
      <c r="G143" s="33"/>
      <c r="H143" s="59"/>
      <c r="I143" s="33"/>
      <c r="J143" s="59"/>
      <c r="K143" s="132"/>
      <c r="L143" s="33"/>
      <c r="M143" s="133"/>
      <c r="N143" s="60"/>
      <c r="O143" s="61"/>
      <c r="P143" s="187"/>
      <c r="Q143" s="180"/>
      <c r="R143" s="33"/>
      <c r="S143" s="61"/>
      <c r="T143" s="134"/>
      <c r="U143" s="61"/>
      <c r="V143" s="59"/>
      <c r="W143" s="60"/>
      <c r="X143" s="60"/>
      <c r="Y143" s="60"/>
      <c r="Z143" s="135"/>
      <c r="AA143" s="27"/>
      <c r="AB143" s="27"/>
      <c r="AC143" s="27"/>
      <c r="AD143" s="28"/>
      <c r="AE143" s="29"/>
      <c r="AF143" s="29"/>
      <c r="AG143" s="29"/>
      <c r="AH143" s="27"/>
      <c r="AI143" s="27"/>
      <c r="AJ143" s="27"/>
      <c r="AK143" s="27"/>
      <c r="AL143" s="28"/>
      <c r="AM143" s="29"/>
      <c r="AN143" s="29"/>
      <c r="AO143" s="30"/>
    </row>
    <row r="144" spans="1:41" s="46" customFormat="1" ht="9.75" customHeight="1">
      <c r="A144" s="57"/>
      <c r="B144" s="131"/>
      <c r="C144" s="33"/>
      <c r="D144" s="131"/>
      <c r="E144" s="33"/>
      <c r="F144" s="34"/>
      <c r="G144" s="33"/>
      <c r="H144" s="59"/>
      <c r="I144" s="33"/>
      <c r="J144" s="59"/>
      <c r="K144" s="132"/>
      <c r="L144" s="33"/>
      <c r="M144" s="133"/>
      <c r="N144" s="60"/>
      <c r="O144" s="61"/>
      <c r="P144" s="185" t="s">
        <v>52</v>
      </c>
      <c r="Q144" s="178" t="s">
        <v>444</v>
      </c>
      <c r="R144" s="48"/>
      <c r="S144" s="52"/>
      <c r="T144" s="130"/>
      <c r="U144" s="52"/>
      <c r="V144" s="50"/>
      <c r="W144" s="51"/>
      <c r="X144" s="51"/>
      <c r="Y144" s="51"/>
      <c r="Z144" s="122" t="s">
        <v>3</v>
      </c>
      <c r="AA144" s="55"/>
      <c r="AB144" s="55"/>
      <c r="AC144" s="55"/>
      <c r="AD144" s="56"/>
      <c r="AE144" s="19"/>
      <c r="AF144" s="19"/>
      <c r="AG144" s="19"/>
      <c r="AH144" s="55"/>
      <c r="AI144" s="55"/>
      <c r="AJ144" s="55"/>
      <c r="AK144" s="55"/>
      <c r="AL144" s="56"/>
      <c r="AM144" s="19"/>
      <c r="AN144" s="19"/>
      <c r="AO144" s="26"/>
    </row>
    <row r="145" spans="1:41" s="46" customFormat="1" ht="9.75" customHeight="1">
      <c r="A145" s="57"/>
      <c r="B145" s="131"/>
      <c r="C145" s="33"/>
      <c r="D145" s="131"/>
      <c r="E145" s="33"/>
      <c r="F145" s="34"/>
      <c r="G145" s="33"/>
      <c r="H145" s="59"/>
      <c r="I145" s="33"/>
      <c r="J145" s="59"/>
      <c r="K145" s="132"/>
      <c r="L145" s="33"/>
      <c r="M145" s="133"/>
      <c r="N145" s="60"/>
      <c r="O145" s="61"/>
      <c r="P145" s="186"/>
      <c r="Q145" s="179"/>
      <c r="R145" s="33"/>
      <c r="S145" s="61" t="s">
        <v>562</v>
      </c>
      <c r="T145" s="134" t="s">
        <v>563</v>
      </c>
      <c r="U145" s="61"/>
      <c r="V145" s="59" t="s">
        <v>30</v>
      </c>
      <c r="W145" s="60" t="s">
        <v>30</v>
      </c>
      <c r="X145" s="60" t="s">
        <v>30</v>
      </c>
      <c r="Y145" s="60" t="s">
        <v>564</v>
      </c>
      <c r="Z145" s="135"/>
      <c r="AA145" s="27"/>
      <c r="AB145" s="27"/>
      <c r="AC145" s="27"/>
      <c r="AD145" s="28"/>
      <c r="AE145" s="29"/>
      <c r="AF145" s="29"/>
      <c r="AG145" s="29"/>
      <c r="AH145" s="27"/>
      <c r="AI145" s="27"/>
      <c r="AJ145" s="27"/>
      <c r="AK145" s="27"/>
      <c r="AL145" s="28"/>
      <c r="AM145" s="29"/>
      <c r="AN145" s="29"/>
      <c r="AO145" s="30"/>
    </row>
    <row r="146" spans="1:41" s="46" customFormat="1" ht="9.75" customHeight="1">
      <c r="A146" s="57"/>
      <c r="B146" s="131"/>
      <c r="C146" s="33"/>
      <c r="D146" s="131"/>
      <c r="E146" s="33"/>
      <c r="F146" s="34"/>
      <c r="G146" s="33"/>
      <c r="H146" s="59"/>
      <c r="I146" s="33"/>
      <c r="J146" s="59"/>
      <c r="K146" s="132"/>
      <c r="L146" s="33"/>
      <c r="M146" s="133"/>
      <c r="N146" s="60"/>
      <c r="O146" s="61"/>
      <c r="P146" s="187"/>
      <c r="Q146" s="180"/>
      <c r="R146" s="33"/>
      <c r="S146" s="61"/>
      <c r="T146" s="134"/>
      <c r="U146" s="61"/>
      <c r="V146" s="59"/>
      <c r="W146" s="60"/>
      <c r="X146" s="60"/>
      <c r="Y146" s="60"/>
      <c r="Z146" s="135"/>
      <c r="AA146" s="27"/>
      <c r="AB146" s="27"/>
      <c r="AC146" s="27"/>
      <c r="AD146" s="28"/>
      <c r="AE146" s="29"/>
      <c r="AF146" s="29"/>
      <c r="AG146" s="29"/>
      <c r="AH146" s="27"/>
      <c r="AI146" s="27"/>
      <c r="AJ146" s="27"/>
      <c r="AK146" s="27"/>
      <c r="AL146" s="28"/>
      <c r="AM146" s="29"/>
      <c r="AN146" s="29"/>
      <c r="AO146" s="30"/>
    </row>
    <row r="147" spans="1:41" s="46" customFormat="1" ht="9.75" customHeight="1">
      <c r="A147" s="57"/>
      <c r="B147" s="131"/>
      <c r="C147" s="33"/>
      <c r="D147" s="131"/>
      <c r="E147" s="33"/>
      <c r="F147" s="58"/>
      <c r="G147" s="33"/>
      <c r="H147" s="59"/>
      <c r="I147" s="33"/>
      <c r="J147" s="59"/>
      <c r="K147" s="132"/>
      <c r="L147" s="33"/>
      <c r="M147" s="133"/>
      <c r="N147" s="60"/>
      <c r="O147" s="61"/>
      <c r="P147" s="185" t="s">
        <v>57</v>
      </c>
      <c r="Q147" s="178" t="s">
        <v>448</v>
      </c>
      <c r="R147" s="48"/>
      <c r="S147" s="52"/>
      <c r="T147" s="130"/>
      <c r="U147" s="52"/>
      <c r="V147" s="50"/>
      <c r="W147" s="51"/>
      <c r="X147" s="51"/>
      <c r="Y147" s="51"/>
      <c r="Z147" s="122" t="s">
        <v>3</v>
      </c>
      <c r="AA147" s="55"/>
      <c r="AB147" s="55"/>
      <c r="AC147" s="55"/>
      <c r="AD147" s="56"/>
      <c r="AE147" s="19"/>
      <c r="AF147" s="19"/>
      <c r="AG147" s="19"/>
      <c r="AH147" s="55"/>
      <c r="AI147" s="55"/>
      <c r="AJ147" s="55"/>
      <c r="AK147" s="55"/>
      <c r="AL147" s="56"/>
      <c r="AM147" s="19"/>
      <c r="AN147" s="19"/>
      <c r="AO147" s="26"/>
    </row>
    <row r="148" spans="1:41" s="46" customFormat="1" ht="9.75" customHeight="1">
      <c r="A148" s="57"/>
      <c r="B148" s="131"/>
      <c r="C148" s="33"/>
      <c r="D148" s="131"/>
      <c r="E148" s="33"/>
      <c r="F148" s="58"/>
      <c r="G148" s="33"/>
      <c r="H148" s="59"/>
      <c r="I148" s="33"/>
      <c r="J148" s="59"/>
      <c r="K148" s="132"/>
      <c r="L148" s="33"/>
      <c r="M148" s="133"/>
      <c r="N148" s="60"/>
      <c r="O148" s="61"/>
      <c r="P148" s="186"/>
      <c r="Q148" s="179"/>
      <c r="R148" s="33"/>
      <c r="S148" s="61" t="s">
        <v>565</v>
      </c>
      <c r="T148" s="134" t="s">
        <v>566</v>
      </c>
      <c r="U148" s="61"/>
      <c r="V148" s="59" t="s">
        <v>30</v>
      </c>
      <c r="W148" s="60" t="s">
        <v>30</v>
      </c>
      <c r="X148" s="60" t="s">
        <v>30</v>
      </c>
      <c r="Y148" s="60" t="s">
        <v>567</v>
      </c>
      <c r="Z148" s="135"/>
      <c r="AA148" s="27"/>
      <c r="AB148" s="27"/>
      <c r="AC148" s="27"/>
      <c r="AD148" s="28"/>
      <c r="AE148" s="29"/>
      <c r="AF148" s="29"/>
      <c r="AG148" s="29"/>
      <c r="AH148" s="27"/>
      <c r="AI148" s="27"/>
      <c r="AJ148" s="27"/>
      <c r="AK148" s="27"/>
      <c r="AL148" s="28"/>
      <c r="AM148" s="29"/>
      <c r="AN148" s="29"/>
      <c r="AO148" s="30"/>
    </row>
    <row r="149" spans="1:41" s="46" customFormat="1" ht="9.75" customHeight="1">
      <c r="A149" s="57"/>
      <c r="B149" s="131"/>
      <c r="C149" s="33"/>
      <c r="D149" s="131"/>
      <c r="E149" s="33"/>
      <c r="F149" s="58"/>
      <c r="G149" s="33"/>
      <c r="H149" s="59"/>
      <c r="I149" s="33"/>
      <c r="J149" s="59"/>
      <c r="K149" s="132"/>
      <c r="L149" s="33"/>
      <c r="M149" s="133"/>
      <c r="N149" s="60"/>
      <c r="O149" s="61"/>
      <c r="P149" s="187"/>
      <c r="Q149" s="180"/>
      <c r="R149" s="33"/>
      <c r="S149" s="61"/>
      <c r="T149" s="134"/>
      <c r="U149" s="61"/>
      <c r="V149" s="59"/>
      <c r="W149" s="60"/>
      <c r="X149" s="60"/>
      <c r="Y149" s="60"/>
      <c r="Z149" s="135"/>
      <c r="AA149" s="27"/>
      <c r="AB149" s="27"/>
      <c r="AC149" s="27"/>
      <c r="AD149" s="28"/>
      <c r="AE149" s="29"/>
      <c r="AF149" s="29"/>
      <c r="AG149" s="29"/>
      <c r="AH149" s="27"/>
      <c r="AI149" s="27"/>
      <c r="AJ149" s="27"/>
      <c r="AK149" s="27"/>
      <c r="AL149" s="28"/>
      <c r="AM149" s="29"/>
      <c r="AN149" s="29"/>
      <c r="AO149" s="30"/>
    </row>
    <row r="150" spans="1:41" s="46" customFormat="1" ht="9.75" customHeight="1">
      <c r="A150" s="57"/>
      <c r="B150" s="131"/>
      <c r="C150" s="33"/>
      <c r="D150" s="131"/>
      <c r="E150" s="33"/>
      <c r="F150" s="58"/>
      <c r="G150" s="33"/>
      <c r="H150" s="59"/>
      <c r="I150" s="33"/>
      <c r="J150" s="59"/>
      <c r="K150" s="132"/>
      <c r="L150" s="33"/>
      <c r="M150" s="133"/>
      <c r="N150" s="60"/>
      <c r="O150" s="61"/>
      <c r="P150" s="185" t="s">
        <v>352</v>
      </c>
      <c r="Q150" s="178" t="s">
        <v>353</v>
      </c>
      <c r="R150" s="48"/>
      <c r="S150" s="52"/>
      <c r="T150" s="130"/>
      <c r="U150" s="52"/>
      <c r="V150" s="50"/>
      <c r="W150" s="51"/>
      <c r="X150" s="51"/>
      <c r="Y150" s="51"/>
      <c r="Z150" s="122" t="s">
        <v>3</v>
      </c>
      <c r="AA150" s="55"/>
      <c r="AB150" s="55"/>
      <c r="AC150" s="55"/>
      <c r="AD150" s="56"/>
      <c r="AE150" s="19"/>
      <c r="AF150" s="19"/>
      <c r="AG150" s="19"/>
      <c r="AH150" s="55"/>
      <c r="AI150" s="55"/>
      <c r="AJ150" s="55"/>
      <c r="AK150" s="55"/>
      <c r="AL150" s="56"/>
      <c r="AM150" s="19"/>
      <c r="AN150" s="19"/>
      <c r="AO150" s="26"/>
    </row>
    <row r="151" spans="1:41" s="46" customFormat="1" ht="9.75" customHeight="1">
      <c r="A151" s="57"/>
      <c r="B151" s="131"/>
      <c r="C151" s="33"/>
      <c r="D151" s="131"/>
      <c r="E151" s="33"/>
      <c r="F151" s="58"/>
      <c r="G151" s="33"/>
      <c r="H151" s="59"/>
      <c r="I151" s="33"/>
      <c r="J151" s="59"/>
      <c r="K151" s="132"/>
      <c r="L151" s="33"/>
      <c r="M151" s="133"/>
      <c r="N151" s="60"/>
      <c r="O151" s="61"/>
      <c r="P151" s="186"/>
      <c r="Q151" s="179"/>
      <c r="R151" s="33"/>
      <c r="S151" s="61" t="s">
        <v>568</v>
      </c>
      <c r="T151" s="134" t="s">
        <v>569</v>
      </c>
      <c r="U151" s="61"/>
      <c r="V151" s="59" t="s">
        <v>30</v>
      </c>
      <c r="W151" s="60" t="s">
        <v>30</v>
      </c>
      <c r="X151" s="60" t="s">
        <v>30</v>
      </c>
      <c r="Y151" s="60" t="s">
        <v>570</v>
      </c>
      <c r="Z151" s="135"/>
      <c r="AA151" s="27"/>
      <c r="AB151" s="27"/>
      <c r="AC151" s="27"/>
      <c r="AD151" s="28"/>
      <c r="AE151" s="29"/>
      <c r="AF151" s="29"/>
      <c r="AG151" s="29"/>
      <c r="AH151" s="27"/>
      <c r="AI151" s="27"/>
      <c r="AJ151" s="27"/>
      <c r="AK151" s="27"/>
      <c r="AL151" s="28"/>
      <c r="AM151" s="29"/>
      <c r="AN151" s="29"/>
      <c r="AO151" s="30"/>
    </row>
    <row r="152" spans="1:41" s="46" customFormat="1" ht="9.75" customHeight="1">
      <c r="A152" s="57"/>
      <c r="B152" s="131"/>
      <c r="C152" s="33"/>
      <c r="D152" s="131"/>
      <c r="E152" s="33"/>
      <c r="F152" s="58"/>
      <c r="G152" s="33"/>
      <c r="H152" s="59"/>
      <c r="I152" s="33"/>
      <c r="J152" s="59"/>
      <c r="K152" s="132"/>
      <c r="L152" s="33"/>
      <c r="M152" s="133"/>
      <c r="N152" s="60"/>
      <c r="O152" s="61"/>
      <c r="P152" s="187"/>
      <c r="Q152" s="180"/>
      <c r="R152" s="33"/>
      <c r="S152" s="61"/>
      <c r="T152" s="134"/>
      <c r="U152" s="61"/>
      <c r="V152" s="59"/>
      <c r="W152" s="60"/>
      <c r="X152" s="60"/>
      <c r="Y152" s="60"/>
      <c r="Z152" s="135"/>
      <c r="AA152" s="27"/>
      <c r="AB152" s="27"/>
      <c r="AC152" s="27"/>
      <c r="AD152" s="28"/>
      <c r="AE152" s="29"/>
      <c r="AF152" s="29"/>
      <c r="AG152" s="29"/>
      <c r="AH152" s="27"/>
      <c r="AI152" s="27"/>
      <c r="AJ152" s="27"/>
      <c r="AK152" s="27"/>
      <c r="AL152" s="28"/>
      <c r="AM152" s="29"/>
      <c r="AN152" s="29"/>
      <c r="AO152" s="30"/>
    </row>
    <row r="153" spans="1:41" s="46" customFormat="1" ht="9.75" customHeight="1">
      <c r="A153" s="57"/>
      <c r="B153" s="131"/>
      <c r="C153" s="33"/>
      <c r="D153" s="131"/>
      <c r="E153" s="33"/>
      <c r="F153" s="58"/>
      <c r="G153" s="33"/>
      <c r="H153" s="59"/>
      <c r="I153" s="33"/>
      <c r="J153" s="59"/>
      <c r="K153" s="132"/>
      <c r="L153" s="33"/>
      <c r="M153" s="133"/>
      <c r="N153" s="60"/>
      <c r="O153" s="61"/>
      <c r="P153" s="185" t="s">
        <v>302</v>
      </c>
      <c r="Q153" s="178" t="s">
        <v>303</v>
      </c>
      <c r="R153" s="48"/>
      <c r="S153" s="52"/>
      <c r="T153" s="130"/>
      <c r="U153" s="52"/>
      <c r="V153" s="50"/>
      <c r="W153" s="51"/>
      <c r="X153" s="51"/>
      <c r="Y153" s="51"/>
      <c r="Z153" s="122" t="s">
        <v>3</v>
      </c>
      <c r="AA153" s="55"/>
      <c r="AB153" s="55"/>
      <c r="AC153" s="55"/>
      <c r="AD153" s="56"/>
      <c r="AE153" s="19"/>
      <c r="AF153" s="19"/>
      <c r="AG153" s="19"/>
      <c r="AH153" s="55"/>
      <c r="AI153" s="55"/>
      <c r="AJ153" s="55"/>
      <c r="AK153" s="55"/>
      <c r="AL153" s="56"/>
      <c r="AM153" s="19"/>
      <c r="AN153" s="19"/>
      <c r="AO153" s="26"/>
    </row>
    <row r="154" spans="1:41" s="46" customFormat="1" ht="9.75" customHeight="1">
      <c r="A154" s="57"/>
      <c r="B154" s="131"/>
      <c r="C154" s="33"/>
      <c r="D154" s="131"/>
      <c r="E154" s="33"/>
      <c r="F154" s="58"/>
      <c r="G154" s="33"/>
      <c r="H154" s="59"/>
      <c r="I154" s="33"/>
      <c r="J154" s="59"/>
      <c r="K154" s="132"/>
      <c r="L154" s="33"/>
      <c r="M154" s="133"/>
      <c r="N154" s="60"/>
      <c r="O154" s="61"/>
      <c r="P154" s="186"/>
      <c r="Q154" s="179"/>
      <c r="R154" s="33"/>
      <c r="S154" s="61" t="s">
        <v>571</v>
      </c>
      <c r="T154" s="134" t="s">
        <v>572</v>
      </c>
      <c r="U154" s="61"/>
      <c r="V154" s="59" t="s">
        <v>30</v>
      </c>
      <c r="W154" s="60" t="s">
        <v>30</v>
      </c>
      <c r="X154" s="60" t="s">
        <v>30</v>
      </c>
      <c r="Y154" s="60" t="s">
        <v>573</v>
      </c>
      <c r="Z154" s="135"/>
      <c r="AA154" s="27"/>
      <c r="AB154" s="27"/>
      <c r="AC154" s="27"/>
      <c r="AD154" s="28"/>
      <c r="AE154" s="29"/>
      <c r="AF154" s="29"/>
      <c r="AG154" s="29"/>
      <c r="AH154" s="27"/>
      <c r="AI154" s="27"/>
      <c r="AJ154" s="27"/>
      <c r="AK154" s="27"/>
      <c r="AL154" s="28"/>
      <c r="AM154" s="29"/>
      <c r="AN154" s="29"/>
      <c r="AO154" s="30"/>
    </row>
    <row r="155" spans="1:41" s="46" customFormat="1" ht="9.75" customHeight="1">
      <c r="A155" s="57"/>
      <c r="B155" s="131"/>
      <c r="C155" s="33"/>
      <c r="D155" s="131"/>
      <c r="E155" s="33"/>
      <c r="F155" s="58"/>
      <c r="G155" s="33"/>
      <c r="H155" s="59"/>
      <c r="I155" s="33"/>
      <c r="J155" s="59"/>
      <c r="K155" s="132"/>
      <c r="L155" s="33"/>
      <c r="M155" s="133"/>
      <c r="N155" s="60"/>
      <c r="O155" s="61"/>
      <c r="P155" s="187"/>
      <c r="Q155" s="180"/>
      <c r="R155" s="33"/>
      <c r="S155" s="61"/>
      <c r="T155" s="134"/>
      <c r="U155" s="61"/>
      <c r="V155" s="59"/>
      <c r="W155" s="60"/>
      <c r="X155" s="60"/>
      <c r="Y155" s="60"/>
      <c r="Z155" s="135"/>
      <c r="AA155" s="27"/>
      <c r="AB155" s="27"/>
      <c r="AC155" s="27"/>
      <c r="AD155" s="28"/>
      <c r="AE155" s="29"/>
      <c r="AF155" s="29"/>
      <c r="AG155" s="29"/>
      <c r="AH155" s="27"/>
      <c r="AI155" s="27"/>
      <c r="AJ155" s="27"/>
      <c r="AK155" s="27"/>
      <c r="AL155" s="28"/>
      <c r="AM155" s="29"/>
      <c r="AN155" s="29"/>
      <c r="AO155" s="30"/>
    </row>
    <row r="156" spans="1:41" s="46" customFormat="1" ht="9.75" customHeight="1">
      <c r="A156" s="57"/>
      <c r="B156" s="131"/>
      <c r="C156" s="33"/>
      <c r="D156" s="131"/>
      <c r="E156" s="33"/>
      <c r="F156" s="58"/>
      <c r="G156" s="33"/>
      <c r="H156" s="59"/>
      <c r="I156" s="33"/>
      <c r="J156" s="59"/>
      <c r="K156" s="132"/>
      <c r="L156" s="33"/>
      <c r="M156" s="133"/>
      <c r="N156" s="60"/>
      <c r="O156" s="61"/>
      <c r="P156" s="185" t="s">
        <v>89</v>
      </c>
      <c r="Q156" s="178" t="s">
        <v>90</v>
      </c>
      <c r="R156" s="48"/>
      <c r="S156" s="52"/>
      <c r="T156" s="130"/>
      <c r="U156" s="52"/>
      <c r="V156" s="50"/>
      <c r="W156" s="51"/>
      <c r="X156" s="51"/>
      <c r="Y156" s="51"/>
      <c r="Z156" s="122" t="s">
        <v>3</v>
      </c>
      <c r="AA156" s="55"/>
      <c r="AB156" s="55"/>
      <c r="AC156" s="55"/>
      <c r="AD156" s="56"/>
      <c r="AE156" s="19"/>
      <c r="AF156" s="19"/>
      <c r="AG156" s="19"/>
      <c r="AH156" s="55"/>
      <c r="AI156" s="55"/>
      <c r="AJ156" s="55"/>
      <c r="AK156" s="55"/>
      <c r="AL156" s="56"/>
      <c r="AM156" s="19"/>
      <c r="AN156" s="19"/>
      <c r="AO156" s="26"/>
    </row>
    <row r="157" spans="1:41" s="46" customFormat="1" ht="9.75" customHeight="1">
      <c r="A157" s="57"/>
      <c r="B157" s="131"/>
      <c r="C157" s="33"/>
      <c r="D157" s="131"/>
      <c r="E157" s="33"/>
      <c r="F157" s="58"/>
      <c r="G157" s="33"/>
      <c r="H157" s="59"/>
      <c r="I157" s="33"/>
      <c r="J157" s="59"/>
      <c r="K157" s="132"/>
      <c r="L157" s="33"/>
      <c r="M157" s="133"/>
      <c r="N157" s="60"/>
      <c r="O157" s="61"/>
      <c r="P157" s="186"/>
      <c r="Q157" s="179"/>
      <c r="R157" s="33"/>
      <c r="S157" s="61" t="s">
        <v>574</v>
      </c>
      <c r="T157" s="134" t="s">
        <v>575</v>
      </c>
      <c r="U157" s="61"/>
      <c r="V157" s="59" t="s">
        <v>30</v>
      </c>
      <c r="W157" s="60" t="s">
        <v>30</v>
      </c>
      <c r="X157" s="60" t="s">
        <v>30</v>
      </c>
      <c r="Y157" s="60" t="s">
        <v>576</v>
      </c>
      <c r="Z157" s="135"/>
      <c r="AA157" s="27"/>
      <c r="AB157" s="27"/>
      <c r="AC157" s="27"/>
      <c r="AD157" s="28"/>
      <c r="AE157" s="29"/>
      <c r="AF157" s="29"/>
      <c r="AG157" s="29"/>
      <c r="AH157" s="27"/>
      <c r="AI157" s="27"/>
      <c r="AJ157" s="27"/>
      <c r="AK157" s="27"/>
      <c r="AL157" s="28"/>
      <c r="AM157" s="29"/>
      <c r="AN157" s="29"/>
      <c r="AO157" s="30"/>
    </row>
    <row r="158" spans="1:41" s="46" customFormat="1" ht="9.75" customHeight="1">
      <c r="A158" s="57"/>
      <c r="B158" s="131"/>
      <c r="C158" s="33"/>
      <c r="D158" s="131"/>
      <c r="E158" s="33"/>
      <c r="F158" s="58"/>
      <c r="G158" s="33"/>
      <c r="H158" s="59"/>
      <c r="I158" s="33"/>
      <c r="J158" s="59"/>
      <c r="K158" s="132"/>
      <c r="L158" s="33"/>
      <c r="M158" s="133"/>
      <c r="N158" s="60"/>
      <c r="O158" s="61"/>
      <c r="P158" s="187"/>
      <c r="Q158" s="180"/>
      <c r="R158" s="33"/>
      <c r="S158" s="61"/>
      <c r="T158" s="134"/>
      <c r="U158" s="61"/>
      <c r="V158" s="59"/>
      <c r="W158" s="60"/>
      <c r="X158" s="60"/>
      <c r="Y158" s="60"/>
      <c r="Z158" s="135"/>
      <c r="AA158" s="27"/>
      <c r="AB158" s="27"/>
      <c r="AC158" s="27"/>
      <c r="AD158" s="28"/>
      <c r="AE158" s="29"/>
      <c r="AF158" s="29"/>
      <c r="AG158" s="29"/>
      <c r="AH158" s="27"/>
      <c r="AI158" s="27"/>
      <c r="AJ158" s="27"/>
      <c r="AK158" s="27"/>
      <c r="AL158" s="28"/>
      <c r="AM158" s="29"/>
      <c r="AN158" s="29"/>
      <c r="AO158" s="30"/>
    </row>
    <row r="159" spans="1:41" s="46" customFormat="1" ht="9.75" customHeight="1">
      <c r="A159" s="57"/>
      <c r="B159" s="131"/>
      <c r="C159" s="33"/>
      <c r="D159" s="131"/>
      <c r="E159" s="33"/>
      <c r="F159" s="58"/>
      <c r="G159" s="33"/>
      <c r="H159" s="59"/>
      <c r="I159" s="33"/>
      <c r="J159" s="59"/>
      <c r="K159" s="132"/>
      <c r="L159" s="33"/>
      <c r="M159" s="133"/>
      <c r="N159" s="60"/>
      <c r="O159" s="61"/>
      <c r="P159" s="185" t="s">
        <v>94</v>
      </c>
      <c r="Q159" s="178" t="s">
        <v>95</v>
      </c>
      <c r="R159" s="48"/>
      <c r="S159" s="52"/>
      <c r="T159" s="130"/>
      <c r="U159" s="52"/>
      <c r="V159" s="50"/>
      <c r="W159" s="51"/>
      <c r="X159" s="51"/>
      <c r="Y159" s="51"/>
      <c r="Z159" s="122" t="s">
        <v>3</v>
      </c>
      <c r="AA159" s="55"/>
      <c r="AB159" s="55"/>
      <c r="AC159" s="55"/>
      <c r="AD159" s="56"/>
      <c r="AE159" s="19"/>
      <c r="AF159" s="19"/>
      <c r="AG159" s="19"/>
      <c r="AH159" s="55"/>
      <c r="AI159" s="55"/>
      <c r="AJ159" s="55"/>
      <c r="AK159" s="55"/>
      <c r="AL159" s="56"/>
      <c r="AM159" s="19"/>
      <c r="AN159" s="19"/>
      <c r="AO159" s="26"/>
    </row>
    <row r="160" spans="1:41" s="46" customFormat="1" ht="9.75" customHeight="1">
      <c r="A160" s="57"/>
      <c r="B160" s="131"/>
      <c r="C160" s="33"/>
      <c r="D160" s="131"/>
      <c r="E160" s="33"/>
      <c r="F160" s="58"/>
      <c r="G160" s="33"/>
      <c r="H160" s="59"/>
      <c r="I160" s="33"/>
      <c r="J160" s="59"/>
      <c r="K160" s="132"/>
      <c r="L160" s="33"/>
      <c r="M160" s="133"/>
      <c r="N160" s="60"/>
      <c r="O160" s="61"/>
      <c r="P160" s="186"/>
      <c r="Q160" s="179"/>
      <c r="R160" s="33"/>
      <c r="S160" s="61" t="s">
        <v>577</v>
      </c>
      <c r="T160" s="134" t="s">
        <v>578</v>
      </c>
      <c r="U160" s="61"/>
      <c r="V160" s="59" t="s">
        <v>30</v>
      </c>
      <c r="W160" s="60" t="s">
        <v>30</v>
      </c>
      <c r="X160" s="60" t="s">
        <v>30</v>
      </c>
      <c r="Y160" s="60" t="s">
        <v>579</v>
      </c>
      <c r="Z160" s="135"/>
      <c r="AA160" s="27"/>
      <c r="AB160" s="27"/>
      <c r="AC160" s="27"/>
      <c r="AD160" s="28"/>
      <c r="AE160" s="29"/>
      <c r="AF160" s="29"/>
      <c r="AG160" s="29"/>
      <c r="AH160" s="27"/>
      <c r="AI160" s="27"/>
      <c r="AJ160" s="27"/>
      <c r="AK160" s="27"/>
      <c r="AL160" s="28"/>
      <c r="AM160" s="29"/>
      <c r="AN160" s="29"/>
      <c r="AO160" s="30"/>
    </row>
    <row r="161" spans="1:43" s="46" customFormat="1" ht="9.75" customHeight="1">
      <c r="A161" s="57"/>
      <c r="B161" s="131"/>
      <c r="C161" s="33"/>
      <c r="D161" s="131"/>
      <c r="E161" s="33"/>
      <c r="F161" s="58"/>
      <c r="G161" s="33"/>
      <c r="H161" s="59"/>
      <c r="I161" s="33"/>
      <c r="J161" s="59"/>
      <c r="K161" s="132"/>
      <c r="L161" s="33"/>
      <c r="M161" s="133"/>
      <c r="N161" s="60"/>
      <c r="O161" s="61"/>
      <c r="P161" s="187"/>
      <c r="Q161" s="180"/>
      <c r="R161" s="33"/>
      <c r="S161" s="61"/>
      <c r="T161" s="134"/>
      <c r="U161" s="61"/>
      <c r="V161" s="59"/>
      <c r="W161" s="60"/>
      <c r="X161" s="60"/>
      <c r="Y161" s="60"/>
      <c r="Z161" s="135"/>
      <c r="AA161" s="27"/>
      <c r="AB161" s="27"/>
      <c r="AC161" s="27"/>
      <c r="AD161" s="28"/>
      <c r="AE161" s="29"/>
      <c r="AF161" s="29"/>
      <c r="AG161" s="29"/>
      <c r="AH161" s="27"/>
      <c r="AI161" s="27"/>
      <c r="AJ161" s="27"/>
      <c r="AK161" s="27"/>
      <c r="AL161" s="28"/>
      <c r="AM161" s="29"/>
      <c r="AN161" s="29"/>
      <c r="AO161" s="30"/>
    </row>
    <row r="162" spans="1:43" s="46" customFormat="1" ht="9.75" customHeight="1">
      <c r="A162" s="57"/>
      <c r="B162" s="131"/>
      <c r="C162" s="33"/>
      <c r="D162" s="131"/>
      <c r="E162" s="33"/>
      <c r="F162" s="58"/>
      <c r="G162" s="33"/>
      <c r="H162" s="59"/>
      <c r="I162" s="33"/>
      <c r="J162" s="59"/>
      <c r="K162" s="132"/>
      <c r="L162" s="33"/>
      <c r="M162" s="133"/>
      <c r="N162" s="60"/>
      <c r="O162" s="61"/>
      <c r="P162" s="185" t="s">
        <v>307</v>
      </c>
      <c r="Q162" s="178" t="s">
        <v>308</v>
      </c>
      <c r="R162" s="48"/>
      <c r="S162" s="52"/>
      <c r="T162" s="130"/>
      <c r="U162" s="52"/>
      <c r="V162" s="50"/>
      <c r="W162" s="51"/>
      <c r="X162" s="51"/>
      <c r="Y162" s="51"/>
      <c r="Z162" s="122" t="s">
        <v>3</v>
      </c>
      <c r="AA162" s="55"/>
      <c r="AB162" s="55"/>
      <c r="AC162" s="55"/>
      <c r="AD162" s="56"/>
      <c r="AE162" s="19"/>
      <c r="AF162" s="19"/>
      <c r="AG162" s="19"/>
      <c r="AH162" s="55"/>
      <c r="AI162" s="55"/>
      <c r="AJ162" s="55"/>
      <c r="AK162" s="55"/>
      <c r="AL162" s="56"/>
      <c r="AM162" s="19"/>
      <c r="AN162" s="19"/>
      <c r="AO162" s="26"/>
    </row>
    <row r="163" spans="1:43" s="46" customFormat="1" ht="9.75" customHeight="1">
      <c r="A163" s="57"/>
      <c r="B163" s="131"/>
      <c r="C163" s="33"/>
      <c r="D163" s="131"/>
      <c r="E163" s="33"/>
      <c r="F163" s="58"/>
      <c r="G163" s="33"/>
      <c r="H163" s="59"/>
      <c r="I163" s="33"/>
      <c r="J163" s="59"/>
      <c r="K163" s="132"/>
      <c r="L163" s="33"/>
      <c r="M163" s="133"/>
      <c r="N163" s="60"/>
      <c r="O163" s="61"/>
      <c r="P163" s="186"/>
      <c r="Q163" s="179"/>
      <c r="R163" s="33"/>
      <c r="S163" s="61" t="s">
        <v>580</v>
      </c>
      <c r="T163" s="134" t="s">
        <v>581</v>
      </c>
      <c r="U163" s="61"/>
      <c r="V163" s="59" t="s">
        <v>30</v>
      </c>
      <c r="W163" s="60" t="s">
        <v>30</v>
      </c>
      <c r="X163" s="60" t="s">
        <v>30</v>
      </c>
      <c r="Y163" s="60" t="s">
        <v>582</v>
      </c>
      <c r="Z163" s="135"/>
      <c r="AA163" s="27"/>
      <c r="AB163" s="27"/>
      <c r="AC163" s="27"/>
      <c r="AD163" s="28"/>
      <c r="AE163" s="29"/>
      <c r="AF163" s="29"/>
      <c r="AG163" s="29"/>
      <c r="AH163" s="27"/>
      <c r="AI163" s="27"/>
      <c r="AJ163" s="27"/>
      <c r="AK163" s="27"/>
      <c r="AL163" s="28"/>
      <c r="AM163" s="29"/>
      <c r="AN163" s="29"/>
      <c r="AO163" s="30"/>
    </row>
    <row r="164" spans="1:43" s="46" customFormat="1" ht="9.75" customHeight="1">
      <c r="A164" s="57"/>
      <c r="B164" s="131"/>
      <c r="C164" s="33"/>
      <c r="D164" s="131"/>
      <c r="E164" s="33"/>
      <c r="F164" s="58"/>
      <c r="G164" s="33"/>
      <c r="H164" s="59"/>
      <c r="I164" s="33"/>
      <c r="J164" s="59"/>
      <c r="K164" s="132"/>
      <c r="L164" s="33"/>
      <c r="M164" s="133"/>
      <c r="N164" s="60"/>
      <c r="O164" s="61"/>
      <c r="P164" s="187"/>
      <c r="Q164" s="180"/>
      <c r="R164" s="33"/>
      <c r="S164" s="61"/>
      <c r="T164" s="134"/>
      <c r="U164" s="61"/>
      <c r="V164" s="59"/>
      <c r="W164" s="60"/>
      <c r="X164" s="60"/>
      <c r="Y164" s="60"/>
      <c r="Z164" s="135"/>
      <c r="AA164" s="27"/>
      <c r="AB164" s="27"/>
      <c r="AC164" s="27"/>
      <c r="AD164" s="28"/>
      <c r="AE164" s="29"/>
      <c r="AF164" s="29"/>
      <c r="AG164" s="29"/>
      <c r="AH164" s="27"/>
      <c r="AI164" s="27"/>
      <c r="AJ164" s="27"/>
      <c r="AK164" s="27"/>
      <c r="AL164" s="28"/>
      <c r="AM164" s="29"/>
      <c r="AN164" s="29"/>
      <c r="AO164" s="30"/>
    </row>
    <row r="165" spans="1:43" s="46" customFormat="1" ht="9.75" customHeight="1">
      <c r="A165" s="57"/>
      <c r="B165" s="131"/>
      <c r="C165" s="33"/>
      <c r="D165" s="131"/>
      <c r="E165" s="33"/>
      <c r="F165" s="58"/>
      <c r="G165" s="33"/>
      <c r="H165" s="59"/>
      <c r="I165" s="33"/>
      <c r="J165" s="59"/>
      <c r="K165" s="132"/>
      <c r="L165" s="33"/>
      <c r="M165" s="133"/>
      <c r="N165" s="60"/>
      <c r="O165" s="61"/>
      <c r="P165" s="185" t="s">
        <v>97</v>
      </c>
      <c r="Q165" s="188" t="s">
        <v>98</v>
      </c>
      <c r="R165" s="48"/>
      <c r="S165" s="52"/>
      <c r="T165" s="130"/>
      <c r="U165" s="52"/>
      <c r="V165" s="50"/>
      <c r="W165" s="51"/>
      <c r="X165" s="51"/>
      <c r="Y165" s="51"/>
      <c r="Z165" s="122" t="s">
        <v>3</v>
      </c>
      <c r="AA165" s="55"/>
      <c r="AB165" s="55"/>
      <c r="AC165" s="55"/>
      <c r="AD165" s="56"/>
      <c r="AE165" s="19"/>
      <c r="AF165" s="19"/>
      <c r="AG165" s="19"/>
      <c r="AH165" s="55"/>
      <c r="AI165" s="55"/>
      <c r="AJ165" s="55"/>
      <c r="AK165" s="55"/>
      <c r="AL165" s="56"/>
      <c r="AM165" s="19"/>
      <c r="AN165" s="19"/>
      <c r="AO165" s="26"/>
    </row>
    <row r="166" spans="1:43" s="46" customFormat="1" ht="9.75" customHeight="1">
      <c r="A166" s="57"/>
      <c r="B166" s="131"/>
      <c r="C166" s="33"/>
      <c r="D166" s="131"/>
      <c r="E166" s="33"/>
      <c r="F166" s="58"/>
      <c r="G166" s="33"/>
      <c r="H166" s="59"/>
      <c r="I166" s="33"/>
      <c r="J166" s="59"/>
      <c r="K166" s="132"/>
      <c r="L166" s="33"/>
      <c r="M166" s="133"/>
      <c r="N166" s="60"/>
      <c r="O166" s="61"/>
      <c r="P166" s="186"/>
      <c r="Q166" s="179"/>
      <c r="R166" s="33"/>
      <c r="S166" s="61" t="s">
        <v>583</v>
      </c>
      <c r="T166" s="134" t="s">
        <v>584</v>
      </c>
      <c r="U166" s="61"/>
      <c r="V166" s="59" t="s">
        <v>30</v>
      </c>
      <c r="W166" s="60" t="s">
        <v>30</v>
      </c>
      <c r="X166" s="60" t="s">
        <v>30</v>
      </c>
      <c r="Y166" s="60" t="s">
        <v>585</v>
      </c>
      <c r="Z166" s="135"/>
      <c r="AA166" s="27"/>
      <c r="AB166" s="27"/>
      <c r="AC166" s="27"/>
      <c r="AD166" s="28"/>
      <c r="AE166" s="29"/>
      <c r="AF166" s="29"/>
      <c r="AG166" s="29"/>
      <c r="AH166" s="27"/>
      <c r="AI166" s="27"/>
      <c r="AJ166" s="27"/>
      <c r="AK166" s="27"/>
      <c r="AL166" s="28"/>
      <c r="AM166" s="29"/>
      <c r="AN166" s="29"/>
      <c r="AO166" s="30"/>
    </row>
    <row r="167" spans="1:43" s="46" customFormat="1" ht="9.75" customHeight="1">
      <c r="A167" s="57"/>
      <c r="B167" s="131"/>
      <c r="C167" s="33"/>
      <c r="D167" s="131"/>
      <c r="E167" s="33"/>
      <c r="F167" s="58"/>
      <c r="G167" s="33"/>
      <c r="H167" s="59"/>
      <c r="I167" s="33"/>
      <c r="J167" s="59"/>
      <c r="K167" s="132"/>
      <c r="L167" s="33"/>
      <c r="M167" s="133"/>
      <c r="N167" s="60"/>
      <c r="O167" s="61"/>
      <c r="P167" s="187"/>
      <c r="Q167" s="180"/>
      <c r="R167" s="33"/>
      <c r="S167" s="61"/>
      <c r="T167" s="134"/>
      <c r="U167" s="61"/>
      <c r="V167" s="59"/>
      <c r="W167" s="60"/>
      <c r="X167" s="60"/>
      <c r="Y167" s="60"/>
      <c r="Z167" s="135"/>
      <c r="AA167" s="27"/>
      <c r="AB167" s="27"/>
      <c r="AC167" s="27"/>
      <c r="AD167" s="28"/>
      <c r="AE167" s="29"/>
      <c r="AF167" s="29"/>
      <c r="AG167" s="29"/>
      <c r="AH167" s="27"/>
      <c r="AI167" s="27"/>
      <c r="AJ167" s="27"/>
      <c r="AK167" s="27"/>
      <c r="AL167" s="28"/>
      <c r="AM167" s="29"/>
      <c r="AN167" s="29"/>
      <c r="AO167" s="30"/>
    </row>
    <row r="168" spans="1:43" s="46" customFormat="1" ht="9.75" customHeight="1">
      <c r="A168" s="57"/>
      <c r="B168" s="131"/>
      <c r="C168" s="33"/>
      <c r="D168" s="131"/>
      <c r="E168" s="33"/>
      <c r="F168" s="58"/>
      <c r="G168" s="33"/>
      <c r="H168" s="59"/>
      <c r="I168" s="33"/>
      <c r="J168" s="59"/>
      <c r="K168" s="132"/>
      <c r="L168" s="33"/>
      <c r="M168" s="133"/>
      <c r="N168" s="60"/>
      <c r="O168" s="61"/>
      <c r="P168" s="185" t="s">
        <v>468</v>
      </c>
      <c r="Q168" s="178" t="s">
        <v>469</v>
      </c>
      <c r="R168" s="48"/>
      <c r="S168" s="52"/>
      <c r="T168" s="130"/>
      <c r="U168" s="52"/>
      <c r="V168" s="50"/>
      <c r="W168" s="51"/>
      <c r="X168" s="51"/>
      <c r="Y168" s="51"/>
      <c r="Z168" s="122" t="s">
        <v>3</v>
      </c>
      <c r="AA168" s="55"/>
      <c r="AB168" s="55"/>
      <c r="AC168" s="55"/>
      <c r="AD168" s="56"/>
      <c r="AE168" s="19"/>
      <c r="AF168" s="19"/>
      <c r="AG168" s="19"/>
      <c r="AH168" s="55"/>
      <c r="AI168" s="55"/>
      <c r="AJ168" s="55"/>
      <c r="AK168" s="55"/>
      <c r="AL168" s="56"/>
      <c r="AM168" s="19"/>
      <c r="AN168" s="19"/>
      <c r="AO168" s="26"/>
    </row>
    <row r="169" spans="1:43" s="46" customFormat="1" ht="9.75" customHeight="1">
      <c r="A169" s="57"/>
      <c r="B169" s="131"/>
      <c r="C169" s="33"/>
      <c r="D169" s="131"/>
      <c r="E169" s="33"/>
      <c r="F169" s="58"/>
      <c r="G169" s="33"/>
      <c r="H169" s="59"/>
      <c r="I169" s="33"/>
      <c r="J169" s="59"/>
      <c r="K169" s="132"/>
      <c r="L169" s="33"/>
      <c r="M169" s="133"/>
      <c r="N169" s="60"/>
      <c r="O169" s="61"/>
      <c r="P169" s="186"/>
      <c r="Q169" s="179"/>
      <c r="R169" s="33"/>
      <c r="S169" s="61" t="s">
        <v>586</v>
      </c>
      <c r="T169" s="134" t="s">
        <v>587</v>
      </c>
      <c r="U169" s="61"/>
      <c r="V169" s="59" t="s">
        <v>30</v>
      </c>
      <c r="W169" s="60" t="s">
        <v>557</v>
      </c>
      <c r="X169" s="60" t="s">
        <v>419</v>
      </c>
      <c r="Y169" s="60" t="s">
        <v>588</v>
      </c>
      <c r="Z169" s="135"/>
      <c r="AA169" s="27"/>
      <c r="AB169" s="27"/>
      <c r="AC169" s="27"/>
      <c r="AD169" s="28"/>
      <c r="AE169" s="29"/>
      <c r="AF169" s="29"/>
      <c r="AG169" s="29"/>
      <c r="AH169" s="27"/>
      <c r="AI169" s="27"/>
      <c r="AJ169" s="27"/>
      <c r="AK169" s="27"/>
      <c r="AL169" s="28"/>
      <c r="AM169" s="29"/>
      <c r="AN169" s="29"/>
      <c r="AO169" s="30"/>
    </row>
    <row r="170" spans="1:43" s="46" customFormat="1" ht="9.75" customHeight="1">
      <c r="A170" s="93"/>
      <c r="B170" s="150"/>
      <c r="C170" s="95"/>
      <c r="D170" s="150"/>
      <c r="E170" s="95"/>
      <c r="F170" s="99"/>
      <c r="G170" s="95"/>
      <c r="H170" s="96"/>
      <c r="I170" s="95"/>
      <c r="J170" s="96"/>
      <c r="K170" s="151"/>
      <c r="L170" s="95"/>
      <c r="M170" s="152"/>
      <c r="N170" s="97"/>
      <c r="O170" s="98"/>
      <c r="P170" s="260"/>
      <c r="Q170" s="261"/>
      <c r="R170" s="95"/>
      <c r="S170" s="98"/>
      <c r="T170" s="153"/>
      <c r="U170" s="98"/>
      <c r="V170" s="96"/>
      <c r="W170" s="97"/>
      <c r="X170" s="97"/>
      <c r="Y170" s="97"/>
      <c r="Z170" s="162"/>
      <c r="AA170" s="163"/>
      <c r="AB170" s="163"/>
      <c r="AC170" s="163"/>
      <c r="AD170" s="164"/>
      <c r="AE170" s="165"/>
      <c r="AF170" s="165"/>
      <c r="AG170" s="165"/>
      <c r="AH170" s="163"/>
      <c r="AI170" s="163"/>
      <c r="AJ170" s="163"/>
      <c r="AK170" s="163"/>
      <c r="AL170" s="164"/>
      <c r="AM170" s="165"/>
      <c r="AN170" s="165"/>
      <c r="AO170" s="166"/>
    </row>
    <row r="171" spans="1:43" ht="9.75" customHeight="1">
      <c r="Z171" s="32"/>
      <c r="AA171" s="32"/>
      <c r="AB171" s="32"/>
      <c r="AC171" s="32"/>
      <c r="AD171" s="32"/>
      <c r="AE171" s="32"/>
      <c r="AF171" s="32"/>
      <c r="AG171" s="32"/>
      <c r="AH171" s="32"/>
      <c r="AI171" s="32"/>
      <c r="AJ171" s="32"/>
      <c r="AK171" s="32"/>
      <c r="AL171" s="32"/>
      <c r="AM171" s="32"/>
      <c r="AN171" s="32"/>
      <c r="AO171" s="32"/>
    </row>
    <row r="174" spans="1:43" s="3" customFormat="1" ht="3.75" customHeight="1">
      <c r="A174" s="116"/>
      <c r="B174" s="116"/>
      <c r="C174" s="116"/>
      <c r="D174" s="116"/>
      <c r="E174" s="116"/>
      <c r="F174" s="116"/>
      <c r="G174" s="116"/>
      <c r="H174" s="116"/>
      <c r="I174" s="116"/>
      <c r="J174" s="116"/>
      <c r="K174" s="116"/>
      <c r="L174" s="116"/>
      <c r="M174" s="116"/>
      <c r="N174" s="116"/>
      <c r="O174" s="116"/>
      <c r="P174" s="116"/>
      <c r="Q174" s="116"/>
      <c r="R174" s="116"/>
      <c r="S174" s="116"/>
      <c r="T174" s="116"/>
      <c r="U174" s="116"/>
      <c r="V174" s="116"/>
      <c r="W174" s="116"/>
      <c r="X174" s="116"/>
      <c r="Y174" s="116"/>
      <c r="Z174" s="116"/>
      <c r="AA174" s="116"/>
      <c r="AB174" s="116"/>
      <c r="AC174" s="116"/>
      <c r="AD174" s="116"/>
      <c r="AE174" s="116"/>
      <c r="AF174" s="116"/>
      <c r="AG174" s="116"/>
      <c r="AH174" s="116"/>
      <c r="AI174" s="116"/>
      <c r="AJ174" s="116"/>
      <c r="AK174" s="116"/>
      <c r="AL174" s="116"/>
      <c r="AM174" s="116"/>
      <c r="AN174" s="116"/>
      <c r="AO174" s="116"/>
      <c r="AP174" s="116"/>
      <c r="AQ174" s="116"/>
    </row>
    <row r="175" spans="1:43" s="3" customFormat="1" ht="11.25" customHeight="1">
      <c r="A175" s="4"/>
      <c r="B175" s="4"/>
      <c r="C175" s="4"/>
      <c r="D175" s="4"/>
      <c r="E175" s="4"/>
      <c r="F175" s="4"/>
      <c r="G175" s="4"/>
      <c r="H175" s="4"/>
      <c r="I175" s="4"/>
      <c r="J175" s="4"/>
      <c r="K175" s="4"/>
      <c r="L175" s="4"/>
      <c r="M175" s="4"/>
      <c r="N175" s="4"/>
      <c r="O175" s="4"/>
      <c r="P175" s="4"/>
      <c r="Q175" s="4"/>
      <c r="R175" s="4"/>
      <c r="S175" s="4"/>
      <c r="T175" s="4"/>
      <c r="U175" s="4"/>
      <c r="V175" s="4"/>
      <c r="W175" s="4"/>
      <c r="X175" s="4"/>
      <c r="Y175" s="4"/>
      <c r="Z175" s="4"/>
      <c r="AA175" s="4"/>
      <c r="AB175" s="4"/>
      <c r="AC175" s="4"/>
      <c r="AD175" s="4"/>
      <c r="AE175" s="4"/>
      <c r="AF175" s="4"/>
      <c r="AG175" s="4"/>
      <c r="AH175" s="4"/>
      <c r="AI175" s="4"/>
      <c r="AJ175" s="4"/>
      <c r="AK175" s="4"/>
      <c r="AL175" s="4"/>
      <c r="AM175" s="4"/>
      <c r="AN175" s="4"/>
      <c r="AO175" s="4"/>
      <c r="AP175" s="4"/>
      <c r="AQ175" s="4"/>
    </row>
    <row r="176" spans="1:43" s="3" customFormat="1" ht="26.25" customHeight="1">
      <c r="A176" s="117"/>
      <c r="B176" s="6" t="s">
        <v>68</v>
      </c>
      <c r="C176" s="118"/>
      <c r="D176" s="119" t="s">
        <v>415</v>
      </c>
      <c r="E176" s="6"/>
      <c r="F176" s="6"/>
      <c r="G176" s="6"/>
      <c r="H176" s="6"/>
      <c r="I176" s="6"/>
      <c r="J176" s="6"/>
      <c r="K176" s="6"/>
      <c r="L176" s="6"/>
      <c r="M176" s="6"/>
      <c r="N176" s="6"/>
      <c r="O176" s="6"/>
      <c r="P176" s="6"/>
      <c r="Q176" s="6"/>
      <c r="R176" s="6"/>
      <c r="S176" s="6"/>
      <c r="T176" s="4"/>
      <c r="U176" s="4"/>
      <c r="V176" s="4"/>
      <c r="W176" s="4"/>
      <c r="X176" s="4"/>
      <c r="Y176" s="4"/>
      <c r="Z176" s="4"/>
      <c r="AA176" s="4"/>
      <c r="AB176" s="4"/>
      <c r="AC176" s="4"/>
      <c r="AD176" s="4"/>
      <c r="AE176" s="4"/>
      <c r="AF176" s="4"/>
      <c r="AG176" s="4"/>
      <c r="AH176" s="4"/>
      <c r="AI176" s="4"/>
      <c r="AJ176" s="4"/>
      <c r="AK176" s="4"/>
      <c r="AL176" s="4"/>
      <c r="AM176" s="4"/>
      <c r="AN176" s="4"/>
      <c r="AO176" s="120" t="s">
        <v>3</v>
      </c>
      <c r="AP176" s="4"/>
      <c r="AQ176" s="4"/>
    </row>
    <row r="177" spans="1:43" ht="14.25" customHeight="1">
      <c r="A177" s="223" t="s">
        <v>4</v>
      </c>
      <c r="B177" s="224"/>
      <c r="C177" s="195" t="s">
        <v>5</v>
      </c>
      <c r="D177" s="224"/>
      <c r="E177" s="195" t="s">
        <v>6</v>
      </c>
      <c r="F177" s="224"/>
      <c r="G177" s="227" t="s">
        <v>7</v>
      </c>
      <c r="H177" s="228"/>
      <c r="I177" s="228"/>
      <c r="J177" s="228"/>
      <c r="K177" s="228"/>
      <c r="L177" s="228"/>
      <c r="M177" s="228"/>
      <c r="N177" s="228"/>
      <c r="O177" s="228"/>
      <c r="P177" s="228"/>
      <c r="Q177" s="228"/>
      <c r="R177" s="228"/>
      <c r="S177" s="228"/>
      <c r="T177" s="251" t="s">
        <v>70</v>
      </c>
      <c r="U177" s="228" t="s">
        <v>71</v>
      </c>
      <c r="V177" s="228"/>
      <c r="W177" s="228"/>
      <c r="X177" s="229"/>
      <c r="Y177" s="236" t="s">
        <v>72</v>
      </c>
      <c r="Z177" s="195" t="s">
        <v>12</v>
      </c>
      <c r="AA177" s="196"/>
      <c r="AB177" s="196"/>
      <c r="AC177" s="196"/>
      <c r="AD177" s="196"/>
      <c r="AE177" s="196"/>
      <c r="AF177" s="196"/>
      <c r="AG177" s="196"/>
      <c r="AH177" s="196"/>
      <c r="AI177" s="196"/>
      <c r="AJ177" s="196"/>
      <c r="AK177" s="196"/>
      <c r="AL177" s="196"/>
      <c r="AM177" s="196"/>
      <c r="AN177" s="196"/>
      <c r="AO177" s="197"/>
      <c r="AP177" s="12"/>
      <c r="AQ177" s="12"/>
    </row>
    <row r="178" spans="1:43" ht="14.25" customHeight="1">
      <c r="A178" s="225"/>
      <c r="B178" s="184"/>
      <c r="C178" s="198"/>
      <c r="D178" s="184"/>
      <c r="E178" s="198"/>
      <c r="F178" s="184"/>
      <c r="G178" s="237" t="s">
        <v>13</v>
      </c>
      <c r="H178" s="204"/>
      <c r="I178" s="237" t="s">
        <v>14</v>
      </c>
      <c r="J178" s="204"/>
      <c r="K178" s="206" t="s">
        <v>73</v>
      </c>
      <c r="L178" s="240" t="s">
        <v>74</v>
      </c>
      <c r="M178" s="241"/>
      <c r="N178" s="209" t="s">
        <v>16</v>
      </c>
      <c r="O178" s="14"/>
      <c r="P178" s="212" t="s">
        <v>17</v>
      </c>
      <c r="Q178" s="212"/>
      <c r="R178" s="212"/>
      <c r="S178" s="212"/>
      <c r="T178" s="252"/>
      <c r="U178" s="246" t="s">
        <v>75</v>
      </c>
      <c r="V178" s="178"/>
      <c r="W178" s="209" t="s">
        <v>76</v>
      </c>
      <c r="X178" s="209" t="s">
        <v>77</v>
      </c>
      <c r="Y178" s="210"/>
      <c r="Z178" s="198"/>
      <c r="AA178" s="183"/>
      <c r="AB178" s="183"/>
      <c r="AC178" s="183"/>
      <c r="AD178" s="183"/>
      <c r="AE178" s="183"/>
      <c r="AF178" s="183"/>
      <c r="AG178" s="183"/>
      <c r="AH178" s="183"/>
      <c r="AI178" s="183"/>
      <c r="AJ178" s="183"/>
      <c r="AK178" s="183"/>
      <c r="AL178" s="183"/>
      <c r="AM178" s="183"/>
      <c r="AN178" s="183"/>
      <c r="AO178" s="199"/>
      <c r="AP178" s="12"/>
      <c r="AQ178" s="12"/>
    </row>
    <row r="179" spans="1:43" ht="4.5" customHeight="1">
      <c r="A179" s="225"/>
      <c r="B179" s="184"/>
      <c r="C179" s="198"/>
      <c r="D179" s="184"/>
      <c r="E179" s="198"/>
      <c r="F179" s="184"/>
      <c r="G179" s="198"/>
      <c r="H179" s="184"/>
      <c r="I179" s="198"/>
      <c r="J179" s="184"/>
      <c r="K179" s="238"/>
      <c r="L179" s="242"/>
      <c r="M179" s="243"/>
      <c r="N179" s="210"/>
      <c r="O179" s="15"/>
      <c r="P179" s="214" t="s">
        <v>18</v>
      </c>
      <c r="Q179" s="204"/>
      <c r="R179" s="203" t="s">
        <v>19</v>
      </c>
      <c r="S179" s="214"/>
      <c r="T179" s="252"/>
      <c r="U179" s="247"/>
      <c r="V179" s="248"/>
      <c r="W179" s="210"/>
      <c r="X179" s="210"/>
      <c r="Y179" s="210"/>
      <c r="Z179" s="198"/>
      <c r="AA179" s="183"/>
      <c r="AB179" s="183"/>
      <c r="AC179" s="183"/>
      <c r="AD179" s="183"/>
      <c r="AE179" s="183"/>
      <c r="AF179" s="183"/>
      <c r="AG179" s="183"/>
      <c r="AH179" s="183"/>
      <c r="AI179" s="183"/>
      <c r="AJ179" s="183"/>
      <c r="AK179" s="183"/>
      <c r="AL179" s="183"/>
      <c r="AM179" s="183"/>
      <c r="AN179" s="183"/>
      <c r="AO179" s="199"/>
      <c r="AP179" s="12"/>
      <c r="AQ179" s="12"/>
    </row>
    <row r="180" spans="1:43" ht="9" customHeight="1">
      <c r="A180" s="226"/>
      <c r="B180" s="205"/>
      <c r="C180" s="200"/>
      <c r="D180" s="205"/>
      <c r="E180" s="200"/>
      <c r="F180" s="205"/>
      <c r="G180" s="200"/>
      <c r="H180" s="205"/>
      <c r="I180" s="200"/>
      <c r="J180" s="205"/>
      <c r="K180" s="239"/>
      <c r="L180" s="244"/>
      <c r="M180" s="245"/>
      <c r="N180" s="211"/>
      <c r="O180" s="16"/>
      <c r="P180" s="201"/>
      <c r="Q180" s="205"/>
      <c r="R180" s="200"/>
      <c r="S180" s="201"/>
      <c r="T180" s="253"/>
      <c r="U180" s="249"/>
      <c r="V180" s="250"/>
      <c r="W180" s="211"/>
      <c r="X180" s="211"/>
      <c r="Y180" s="211"/>
      <c r="Z180" s="200"/>
      <c r="AA180" s="201"/>
      <c r="AB180" s="201"/>
      <c r="AC180" s="201"/>
      <c r="AD180" s="201"/>
      <c r="AE180" s="201"/>
      <c r="AF180" s="201"/>
      <c r="AG180" s="201"/>
      <c r="AH180" s="201"/>
      <c r="AI180" s="201"/>
      <c r="AJ180" s="201"/>
      <c r="AK180" s="201"/>
      <c r="AL180" s="201"/>
      <c r="AM180" s="201"/>
      <c r="AN180" s="201"/>
      <c r="AO180" s="202"/>
      <c r="AP180" s="12"/>
      <c r="AQ180" s="12"/>
    </row>
    <row r="181" spans="1:43" s="32" customFormat="1" ht="9" customHeight="1">
      <c r="A181" s="17"/>
      <c r="B181" s="18"/>
      <c r="C181" s="19"/>
      <c r="D181" s="18"/>
      <c r="E181" s="19"/>
      <c r="F181" s="18"/>
      <c r="G181" s="20"/>
      <c r="H181" s="21" t="s">
        <v>20</v>
      </c>
      <c r="I181" s="20"/>
      <c r="J181" s="21" t="s">
        <v>20</v>
      </c>
      <c r="K181" s="22" t="s">
        <v>20</v>
      </c>
      <c r="L181" s="20"/>
      <c r="M181" s="21" t="s">
        <v>20</v>
      </c>
      <c r="N181" s="23" t="s">
        <v>20</v>
      </c>
      <c r="O181" s="29"/>
      <c r="P181" s="29"/>
      <c r="Q181" s="21"/>
      <c r="R181" s="20"/>
      <c r="S181" s="29" t="s">
        <v>20</v>
      </c>
      <c r="T181" s="121" t="s">
        <v>20</v>
      </c>
      <c r="U181" s="29"/>
      <c r="V181" s="21" t="s">
        <v>20</v>
      </c>
      <c r="W181" s="22" t="s">
        <v>20</v>
      </c>
      <c r="X181" s="22" t="s">
        <v>20</v>
      </c>
      <c r="Y181" s="22" t="s">
        <v>20</v>
      </c>
      <c r="Z181" s="122"/>
      <c r="AA181" s="27"/>
      <c r="AB181" s="27"/>
      <c r="AC181" s="27"/>
      <c r="AD181" s="28"/>
      <c r="AE181" s="29"/>
      <c r="AF181" s="29"/>
      <c r="AG181" s="29"/>
      <c r="AH181" s="27"/>
      <c r="AI181" s="27"/>
      <c r="AJ181" s="27"/>
      <c r="AK181" s="27"/>
      <c r="AL181" s="28"/>
      <c r="AM181" s="29"/>
      <c r="AN181" s="29"/>
      <c r="AO181" s="30"/>
      <c r="AP181" s="31"/>
      <c r="AQ181" s="31"/>
    </row>
    <row r="182" spans="1:43" s="46" customFormat="1" ht="9.75" customHeight="1">
      <c r="A182" s="57"/>
      <c r="B182" s="131"/>
      <c r="C182" s="33"/>
      <c r="D182" s="131"/>
      <c r="E182" s="33"/>
      <c r="F182" s="58"/>
      <c r="G182" s="33"/>
      <c r="H182" s="59"/>
      <c r="I182" s="33"/>
      <c r="J182" s="59"/>
      <c r="K182" s="132"/>
      <c r="L182" s="33"/>
      <c r="M182" s="133"/>
      <c r="N182" s="60"/>
      <c r="O182" s="61"/>
      <c r="P182" s="258" t="s">
        <v>102</v>
      </c>
      <c r="Q182" s="259" t="s">
        <v>103</v>
      </c>
      <c r="R182" s="33"/>
      <c r="S182" s="61"/>
      <c r="T182" s="134"/>
      <c r="U182" s="61"/>
      <c r="V182" s="59"/>
      <c r="W182" s="60"/>
      <c r="X182" s="60"/>
      <c r="Y182" s="60"/>
      <c r="Z182" s="135" t="s">
        <v>3</v>
      </c>
      <c r="AA182" s="27"/>
      <c r="AB182" s="27"/>
      <c r="AC182" s="27"/>
      <c r="AD182" s="28"/>
      <c r="AE182" s="29"/>
      <c r="AF182" s="29"/>
      <c r="AG182" s="29"/>
      <c r="AH182" s="27"/>
      <c r="AI182" s="27"/>
      <c r="AJ182" s="27"/>
      <c r="AK182" s="27"/>
      <c r="AL182" s="28"/>
      <c r="AM182" s="29"/>
      <c r="AN182" s="29"/>
      <c r="AO182" s="30"/>
    </row>
    <row r="183" spans="1:43" s="46" customFormat="1" ht="9.75" customHeight="1">
      <c r="A183" s="57"/>
      <c r="B183" s="131"/>
      <c r="C183" s="33"/>
      <c r="D183" s="131"/>
      <c r="E183" s="33"/>
      <c r="F183" s="58"/>
      <c r="G183" s="33"/>
      <c r="H183" s="59"/>
      <c r="I183" s="33"/>
      <c r="J183" s="59"/>
      <c r="K183" s="132"/>
      <c r="L183" s="33"/>
      <c r="M183" s="133"/>
      <c r="N183" s="60"/>
      <c r="O183" s="61"/>
      <c r="P183" s="186"/>
      <c r="Q183" s="179"/>
      <c r="R183" s="33"/>
      <c r="S183" s="61" t="s">
        <v>589</v>
      </c>
      <c r="T183" s="134" t="s">
        <v>590</v>
      </c>
      <c r="U183" s="61"/>
      <c r="V183" s="59" t="s">
        <v>30</v>
      </c>
      <c r="W183" s="60" t="s">
        <v>30</v>
      </c>
      <c r="X183" s="60" t="s">
        <v>30</v>
      </c>
      <c r="Y183" s="60" t="s">
        <v>591</v>
      </c>
      <c r="Z183" s="135"/>
      <c r="AA183" s="27"/>
      <c r="AB183" s="27"/>
      <c r="AC183" s="27"/>
      <c r="AD183" s="28"/>
      <c r="AE183" s="29"/>
      <c r="AF183" s="29"/>
      <c r="AG183" s="29"/>
      <c r="AH183" s="27"/>
      <c r="AI183" s="27"/>
      <c r="AJ183" s="27"/>
      <c r="AK183" s="27"/>
      <c r="AL183" s="28"/>
      <c r="AM183" s="29"/>
      <c r="AN183" s="29"/>
      <c r="AO183" s="30"/>
    </row>
    <row r="184" spans="1:43" s="46" customFormat="1" ht="9.75" customHeight="1">
      <c r="A184" s="57"/>
      <c r="B184" s="131"/>
      <c r="C184" s="33"/>
      <c r="D184" s="131"/>
      <c r="E184" s="33"/>
      <c r="F184" s="58"/>
      <c r="G184" s="33"/>
      <c r="H184" s="59"/>
      <c r="I184" s="33"/>
      <c r="J184" s="59"/>
      <c r="K184" s="132"/>
      <c r="L184" s="33"/>
      <c r="M184" s="133"/>
      <c r="N184" s="60"/>
      <c r="O184" s="61"/>
      <c r="P184" s="187"/>
      <c r="Q184" s="180"/>
      <c r="R184" s="33"/>
      <c r="S184" s="61"/>
      <c r="T184" s="134"/>
      <c r="U184" s="61"/>
      <c r="V184" s="59"/>
      <c r="W184" s="60"/>
      <c r="X184" s="60"/>
      <c r="Y184" s="60"/>
      <c r="Z184" s="135"/>
      <c r="AA184" s="27"/>
      <c r="AB184" s="27"/>
      <c r="AC184" s="27"/>
      <c r="AD184" s="28"/>
      <c r="AE184" s="29"/>
      <c r="AF184" s="29"/>
      <c r="AG184" s="29"/>
      <c r="AH184" s="27"/>
      <c r="AI184" s="27"/>
      <c r="AJ184" s="27"/>
      <c r="AK184" s="27"/>
      <c r="AL184" s="28"/>
      <c r="AM184" s="29"/>
      <c r="AN184" s="29"/>
      <c r="AO184" s="30"/>
    </row>
    <row r="185" spans="1:43" s="46" customFormat="1" ht="9.75" customHeight="1">
      <c r="A185" s="57"/>
      <c r="B185" s="131"/>
      <c r="C185" s="33"/>
      <c r="D185" s="131"/>
      <c r="E185" s="33"/>
      <c r="F185" s="58"/>
      <c r="G185" s="33"/>
      <c r="H185" s="59"/>
      <c r="I185" s="33"/>
      <c r="J185" s="59"/>
      <c r="K185" s="132"/>
      <c r="L185" s="33"/>
      <c r="M185" s="133"/>
      <c r="N185" s="60"/>
      <c r="O185" s="61"/>
      <c r="P185" s="185" t="s">
        <v>592</v>
      </c>
      <c r="Q185" s="188" t="s">
        <v>593</v>
      </c>
      <c r="R185" s="48"/>
      <c r="S185" s="52"/>
      <c r="T185" s="130"/>
      <c r="U185" s="52"/>
      <c r="V185" s="50"/>
      <c r="W185" s="51"/>
      <c r="X185" s="51"/>
      <c r="Y185" s="51"/>
      <c r="Z185" s="122" t="s">
        <v>3</v>
      </c>
      <c r="AA185" s="55"/>
      <c r="AB185" s="55"/>
      <c r="AC185" s="55"/>
      <c r="AD185" s="56"/>
      <c r="AE185" s="19"/>
      <c r="AF185" s="19"/>
      <c r="AG185" s="19"/>
      <c r="AH185" s="55"/>
      <c r="AI185" s="55"/>
      <c r="AJ185" s="55"/>
      <c r="AK185" s="55"/>
      <c r="AL185" s="56"/>
      <c r="AM185" s="19"/>
      <c r="AN185" s="19"/>
      <c r="AO185" s="26"/>
    </row>
    <row r="186" spans="1:43" s="46" customFormat="1" ht="9.75" customHeight="1">
      <c r="A186" s="57"/>
      <c r="B186" s="131"/>
      <c r="C186" s="33"/>
      <c r="D186" s="131"/>
      <c r="E186" s="33"/>
      <c r="F186" s="58"/>
      <c r="G186" s="33"/>
      <c r="H186" s="59"/>
      <c r="I186" s="33"/>
      <c r="J186" s="59"/>
      <c r="K186" s="132"/>
      <c r="L186" s="33"/>
      <c r="M186" s="133"/>
      <c r="N186" s="60"/>
      <c r="O186" s="61"/>
      <c r="P186" s="186"/>
      <c r="Q186" s="179"/>
      <c r="R186" s="33"/>
      <c r="S186" s="61" t="s">
        <v>594</v>
      </c>
      <c r="T186" s="134" t="s">
        <v>595</v>
      </c>
      <c r="U186" s="61"/>
      <c r="V186" s="59" t="s">
        <v>30</v>
      </c>
      <c r="W186" s="60" t="s">
        <v>30</v>
      </c>
      <c r="X186" s="60" t="s">
        <v>30</v>
      </c>
      <c r="Y186" s="60" t="s">
        <v>596</v>
      </c>
      <c r="Z186" s="135"/>
      <c r="AA186" s="27"/>
      <c r="AB186" s="27"/>
      <c r="AC186" s="27"/>
      <c r="AD186" s="28"/>
      <c r="AE186" s="29"/>
      <c r="AF186" s="29"/>
      <c r="AG186" s="29"/>
      <c r="AH186" s="27"/>
      <c r="AI186" s="27"/>
      <c r="AJ186" s="27"/>
      <c r="AK186" s="27"/>
      <c r="AL186" s="28"/>
      <c r="AM186" s="29"/>
      <c r="AN186" s="29"/>
      <c r="AO186" s="30"/>
    </row>
    <row r="187" spans="1:43" s="46" customFormat="1" ht="9.75" customHeight="1">
      <c r="A187" s="57"/>
      <c r="B187" s="131"/>
      <c r="C187" s="33"/>
      <c r="D187" s="131"/>
      <c r="E187" s="33"/>
      <c r="F187" s="58"/>
      <c r="G187" s="33"/>
      <c r="H187" s="59"/>
      <c r="I187" s="33"/>
      <c r="J187" s="59"/>
      <c r="K187" s="132"/>
      <c r="L187" s="33"/>
      <c r="M187" s="133"/>
      <c r="N187" s="60"/>
      <c r="O187" s="61"/>
      <c r="P187" s="187"/>
      <c r="Q187" s="180"/>
      <c r="R187" s="33"/>
      <c r="S187" s="61"/>
      <c r="T187" s="134"/>
      <c r="U187" s="61"/>
      <c r="V187" s="59"/>
      <c r="W187" s="60"/>
      <c r="X187" s="60"/>
      <c r="Y187" s="60"/>
      <c r="Z187" s="135"/>
      <c r="AA187" s="27"/>
      <c r="AB187" s="27"/>
      <c r="AC187" s="27"/>
      <c r="AD187" s="28"/>
      <c r="AE187" s="29"/>
      <c r="AF187" s="29"/>
      <c r="AG187" s="29"/>
      <c r="AH187" s="27"/>
      <c r="AI187" s="27"/>
      <c r="AJ187" s="27"/>
      <c r="AK187" s="27"/>
      <c r="AL187" s="28"/>
      <c r="AM187" s="29"/>
      <c r="AN187" s="29"/>
      <c r="AO187" s="30"/>
    </row>
    <row r="188" spans="1:43" s="46" customFormat="1" ht="9.75" customHeight="1">
      <c r="A188" s="57"/>
      <c r="B188" s="141"/>
      <c r="C188" s="33"/>
      <c r="D188" s="34"/>
      <c r="E188" s="175" t="s">
        <v>597</v>
      </c>
      <c r="F188" s="188" t="s">
        <v>598</v>
      </c>
      <c r="G188" s="48"/>
      <c r="H188" s="50"/>
      <c r="I188" s="48"/>
      <c r="J188" s="50"/>
      <c r="K188" s="128"/>
      <c r="L188" s="48"/>
      <c r="M188" s="129"/>
      <c r="N188" s="51"/>
      <c r="O188" s="52"/>
      <c r="P188" s="52"/>
      <c r="Q188" s="76"/>
      <c r="R188" s="48"/>
      <c r="S188" s="52"/>
      <c r="T188" s="130"/>
      <c r="U188" s="52"/>
      <c r="V188" s="50"/>
      <c r="W188" s="51"/>
      <c r="X188" s="51"/>
      <c r="Y188" s="51"/>
      <c r="Z188" s="122" t="s">
        <v>3</v>
      </c>
      <c r="AA188" s="55"/>
      <c r="AB188" s="55"/>
      <c r="AC188" s="55"/>
      <c r="AD188" s="56"/>
      <c r="AE188" s="19"/>
      <c r="AF188" s="19"/>
      <c r="AG188" s="19"/>
      <c r="AH188" s="55"/>
      <c r="AI188" s="55"/>
      <c r="AJ188" s="55"/>
      <c r="AK188" s="55"/>
      <c r="AL188" s="56"/>
      <c r="AM188" s="19"/>
      <c r="AN188" s="19"/>
      <c r="AO188" s="26"/>
    </row>
    <row r="189" spans="1:43" s="46" customFormat="1" ht="9.75" customHeight="1">
      <c r="A189" s="57"/>
      <c r="B189" s="141"/>
      <c r="C189" s="33"/>
      <c r="D189" s="141"/>
      <c r="E189" s="176"/>
      <c r="F189" s="179"/>
      <c r="G189" s="33"/>
      <c r="H189" s="59" t="s">
        <v>599</v>
      </c>
      <c r="I189" s="33"/>
      <c r="J189" s="59" t="s">
        <v>30</v>
      </c>
      <c r="K189" s="132" t="s">
        <v>30</v>
      </c>
      <c r="L189" s="33"/>
      <c r="M189" s="133" t="s">
        <v>30</v>
      </c>
      <c r="N189" s="60" t="s">
        <v>599</v>
      </c>
      <c r="O189" s="61"/>
      <c r="P189" s="61"/>
      <c r="Q189" s="58"/>
      <c r="R189" s="33"/>
      <c r="S189" s="61"/>
      <c r="T189" s="134" t="s">
        <v>600</v>
      </c>
      <c r="U189" s="61"/>
      <c r="V189" s="59" t="s">
        <v>30</v>
      </c>
      <c r="W189" s="60" t="s">
        <v>30</v>
      </c>
      <c r="X189" s="60" t="s">
        <v>30</v>
      </c>
      <c r="Y189" s="60" t="s">
        <v>601</v>
      </c>
      <c r="Z189" s="135"/>
      <c r="AA189" s="27"/>
      <c r="AB189" s="27"/>
      <c r="AC189" s="27"/>
      <c r="AD189" s="28"/>
      <c r="AE189" s="29"/>
      <c r="AF189" s="29"/>
      <c r="AG189" s="29"/>
      <c r="AH189" s="27"/>
      <c r="AI189" s="27"/>
      <c r="AJ189" s="27"/>
      <c r="AK189" s="27"/>
      <c r="AL189" s="28"/>
      <c r="AM189" s="29"/>
      <c r="AN189" s="29"/>
      <c r="AO189" s="30"/>
    </row>
    <row r="190" spans="1:43" s="46" customFormat="1" ht="9.75" customHeight="1">
      <c r="A190" s="57"/>
      <c r="B190" s="141"/>
      <c r="C190" s="33"/>
      <c r="D190" s="141"/>
      <c r="E190" s="176"/>
      <c r="F190" s="179"/>
      <c r="G190" s="33"/>
      <c r="H190" s="59"/>
      <c r="I190" s="33"/>
      <c r="J190" s="59"/>
      <c r="K190" s="132"/>
      <c r="L190" s="33"/>
      <c r="M190" s="133"/>
      <c r="N190" s="60"/>
      <c r="O190" s="61"/>
      <c r="P190" s="61"/>
      <c r="Q190" s="58"/>
      <c r="R190" s="33"/>
      <c r="S190" s="61"/>
      <c r="T190" s="134"/>
      <c r="U190" s="61"/>
      <c r="V190" s="59"/>
      <c r="W190" s="60"/>
      <c r="X190" s="60"/>
      <c r="Y190" s="60"/>
      <c r="Z190" s="135"/>
      <c r="AA190" s="27"/>
      <c r="AB190" s="27"/>
      <c r="AC190" s="27"/>
      <c r="AD190" s="28"/>
      <c r="AE190" s="29"/>
      <c r="AF190" s="29"/>
      <c r="AG190" s="29"/>
      <c r="AH190" s="27"/>
      <c r="AI190" s="27"/>
      <c r="AJ190" s="27"/>
      <c r="AK190" s="27"/>
      <c r="AL190" s="28"/>
      <c r="AM190" s="29"/>
      <c r="AN190" s="29"/>
      <c r="AO190" s="30"/>
    </row>
    <row r="191" spans="1:43" s="46" customFormat="1" ht="9.75" customHeight="1">
      <c r="A191" s="57"/>
      <c r="B191" s="131"/>
      <c r="C191" s="33"/>
      <c r="D191" s="141"/>
      <c r="E191" s="33"/>
      <c r="F191" s="34"/>
      <c r="G191" s="33"/>
      <c r="H191" s="59"/>
      <c r="I191" s="33"/>
      <c r="J191" s="59"/>
      <c r="K191" s="132"/>
      <c r="L191" s="33"/>
      <c r="M191" s="133"/>
      <c r="N191" s="60"/>
      <c r="O191" s="61"/>
      <c r="P191" s="185" t="s">
        <v>102</v>
      </c>
      <c r="Q191" s="188" t="s">
        <v>103</v>
      </c>
      <c r="R191" s="48"/>
      <c r="S191" s="52"/>
      <c r="T191" s="130"/>
      <c r="U191" s="52"/>
      <c r="V191" s="50"/>
      <c r="W191" s="51"/>
      <c r="X191" s="51"/>
      <c r="Y191" s="51"/>
      <c r="Z191" s="122" t="s">
        <v>3</v>
      </c>
      <c r="AA191" s="55"/>
      <c r="AB191" s="55"/>
      <c r="AC191" s="55"/>
      <c r="AD191" s="56"/>
      <c r="AE191" s="19"/>
      <c r="AF191" s="19"/>
      <c r="AG191" s="19"/>
      <c r="AH191" s="55"/>
      <c r="AI191" s="55"/>
      <c r="AJ191" s="55"/>
      <c r="AK191" s="55"/>
      <c r="AL191" s="56"/>
      <c r="AM191" s="19"/>
      <c r="AN191" s="19"/>
      <c r="AO191" s="26"/>
    </row>
    <row r="192" spans="1:43" s="46" customFormat="1" ht="9.75" customHeight="1">
      <c r="A192" s="57"/>
      <c r="B192" s="131"/>
      <c r="C192" s="33"/>
      <c r="D192" s="141"/>
      <c r="E192" s="33"/>
      <c r="F192" s="34"/>
      <c r="G192" s="33"/>
      <c r="H192" s="59"/>
      <c r="I192" s="33"/>
      <c r="J192" s="59"/>
      <c r="K192" s="132"/>
      <c r="L192" s="33"/>
      <c r="M192" s="133"/>
      <c r="N192" s="60"/>
      <c r="O192" s="61"/>
      <c r="P192" s="186"/>
      <c r="Q192" s="179"/>
      <c r="R192" s="33"/>
      <c r="S192" s="61" t="s">
        <v>599</v>
      </c>
      <c r="T192" s="134" t="s">
        <v>600</v>
      </c>
      <c r="U192" s="61"/>
      <c r="V192" s="59" t="s">
        <v>30</v>
      </c>
      <c r="W192" s="60" t="s">
        <v>30</v>
      </c>
      <c r="X192" s="60" t="s">
        <v>30</v>
      </c>
      <c r="Y192" s="60" t="s">
        <v>601</v>
      </c>
      <c r="Z192" s="135"/>
      <c r="AA192" s="27"/>
      <c r="AB192" s="27"/>
      <c r="AC192" s="27"/>
      <c r="AD192" s="28"/>
      <c r="AE192" s="29"/>
      <c r="AF192" s="29"/>
      <c r="AG192" s="29"/>
      <c r="AH192" s="27"/>
      <c r="AI192" s="27"/>
      <c r="AJ192" s="27"/>
      <c r="AK192" s="27"/>
      <c r="AL192" s="28"/>
      <c r="AM192" s="29"/>
      <c r="AN192" s="29"/>
      <c r="AO192" s="30"/>
    </row>
    <row r="193" spans="1:41" s="46" customFormat="1" ht="9.75" customHeight="1">
      <c r="A193" s="57"/>
      <c r="B193" s="131"/>
      <c r="C193" s="64"/>
      <c r="D193" s="159"/>
      <c r="E193" s="64"/>
      <c r="F193" s="77"/>
      <c r="G193" s="64"/>
      <c r="H193" s="66"/>
      <c r="I193" s="64"/>
      <c r="J193" s="66"/>
      <c r="K193" s="137"/>
      <c r="L193" s="64"/>
      <c r="M193" s="138"/>
      <c r="N193" s="67"/>
      <c r="O193" s="68"/>
      <c r="P193" s="187"/>
      <c r="Q193" s="180"/>
      <c r="R193" s="64"/>
      <c r="S193" s="68"/>
      <c r="T193" s="139"/>
      <c r="U193" s="68"/>
      <c r="V193" s="66"/>
      <c r="W193" s="67"/>
      <c r="X193" s="67"/>
      <c r="Y193" s="67"/>
      <c r="Z193" s="140"/>
      <c r="AA193" s="71"/>
      <c r="AB193" s="71"/>
      <c r="AC193" s="71"/>
      <c r="AD193" s="72"/>
      <c r="AE193" s="73"/>
      <c r="AF193" s="73"/>
      <c r="AG193" s="73"/>
      <c r="AH193" s="71"/>
      <c r="AI193" s="71"/>
      <c r="AJ193" s="71"/>
      <c r="AK193" s="71"/>
      <c r="AL193" s="72"/>
      <c r="AM193" s="73"/>
      <c r="AN193" s="73"/>
      <c r="AO193" s="74"/>
    </row>
    <row r="194" spans="1:41" s="46" customFormat="1" ht="9.75" customHeight="1">
      <c r="A194" s="57"/>
      <c r="B194" s="34"/>
      <c r="C194" s="175" t="s">
        <v>36</v>
      </c>
      <c r="D194" s="178" t="s">
        <v>175</v>
      </c>
      <c r="E194" s="48"/>
      <c r="F194" s="49"/>
      <c r="G194" s="48"/>
      <c r="H194" s="50"/>
      <c r="I194" s="48"/>
      <c r="J194" s="50"/>
      <c r="K194" s="128"/>
      <c r="L194" s="48"/>
      <c r="M194" s="129"/>
      <c r="N194" s="51"/>
      <c r="O194" s="52"/>
      <c r="P194" s="52"/>
      <c r="Q194" s="76"/>
      <c r="R194" s="48"/>
      <c r="S194" s="52"/>
      <c r="T194" s="130"/>
      <c r="U194" s="52"/>
      <c r="V194" s="50"/>
      <c r="W194" s="51"/>
      <c r="X194" s="51"/>
      <c r="Y194" s="51"/>
      <c r="Z194" s="122" t="s">
        <v>3</v>
      </c>
      <c r="AA194" s="55"/>
      <c r="AB194" s="55"/>
      <c r="AC194" s="55"/>
      <c r="AD194" s="56"/>
      <c r="AE194" s="19"/>
      <c r="AF194" s="19"/>
      <c r="AG194" s="19"/>
      <c r="AH194" s="55"/>
      <c r="AI194" s="55"/>
      <c r="AJ194" s="55"/>
      <c r="AK194" s="55"/>
      <c r="AL194" s="56"/>
      <c r="AM194" s="19"/>
      <c r="AN194" s="19"/>
      <c r="AO194" s="26"/>
    </row>
    <row r="195" spans="1:41" s="46" customFormat="1" ht="9.75" customHeight="1">
      <c r="A195" s="57"/>
      <c r="B195" s="141"/>
      <c r="C195" s="176"/>
      <c r="D195" s="179"/>
      <c r="E195" s="33"/>
      <c r="F195" s="34"/>
      <c r="G195" s="33"/>
      <c r="H195" s="59" t="s">
        <v>602</v>
      </c>
      <c r="I195" s="33"/>
      <c r="J195" s="59" t="s">
        <v>603</v>
      </c>
      <c r="K195" s="132" t="s">
        <v>30</v>
      </c>
      <c r="L195" s="33"/>
      <c r="M195" s="133" t="s">
        <v>30</v>
      </c>
      <c r="N195" s="60" t="s">
        <v>604</v>
      </c>
      <c r="O195" s="61"/>
      <c r="P195" s="61"/>
      <c r="Q195" s="58"/>
      <c r="R195" s="33"/>
      <c r="S195" s="61"/>
      <c r="T195" s="134" t="s">
        <v>604</v>
      </c>
      <c r="U195" s="61"/>
      <c r="V195" s="59" t="s">
        <v>30</v>
      </c>
      <c r="W195" s="60" t="s">
        <v>30</v>
      </c>
      <c r="X195" s="60" t="s">
        <v>30</v>
      </c>
      <c r="Y195" s="60" t="s">
        <v>30</v>
      </c>
      <c r="Z195" s="135"/>
      <c r="AA195" s="27"/>
      <c r="AB195" s="27"/>
      <c r="AC195" s="27"/>
      <c r="AD195" s="28"/>
      <c r="AE195" s="29"/>
      <c r="AF195" s="29"/>
      <c r="AG195" s="29"/>
      <c r="AH195" s="27"/>
      <c r="AI195" s="27"/>
      <c r="AJ195" s="27"/>
      <c r="AK195" s="27"/>
      <c r="AL195" s="28"/>
      <c r="AM195" s="29"/>
      <c r="AN195" s="29"/>
      <c r="AO195" s="30"/>
    </row>
    <row r="196" spans="1:41" s="46" customFormat="1" ht="9.75" customHeight="1">
      <c r="A196" s="57"/>
      <c r="B196" s="141"/>
      <c r="C196" s="176"/>
      <c r="D196" s="179"/>
      <c r="E196" s="33"/>
      <c r="F196" s="34"/>
      <c r="G196" s="33"/>
      <c r="H196" s="59"/>
      <c r="I196" s="33"/>
      <c r="J196" s="59"/>
      <c r="K196" s="132"/>
      <c r="L196" s="33"/>
      <c r="M196" s="133"/>
      <c r="N196" s="60"/>
      <c r="O196" s="61"/>
      <c r="P196" s="61"/>
      <c r="Q196" s="58"/>
      <c r="R196" s="33"/>
      <c r="S196" s="61"/>
      <c r="T196" s="134"/>
      <c r="U196" s="61"/>
      <c r="V196" s="59"/>
      <c r="W196" s="60"/>
      <c r="X196" s="60"/>
      <c r="Y196" s="60"/>
      <c r="Z196" s="135"/>
      <c r="AA196" s="27"/>
      <c r="AB196" s="27"/>
      <c r="AC196" s="27"/>
      <c r="AD196" s="28"/>
      <c r="AE196" s="29"/>
      <c r="AF196" s="29"/>
      <c r="AG196" s="29"/>
      <c r="AH196" s="27"/>
      <c r="AI196" s="27"/>
      <c r="AJ196" s="27"/>
      <c r="AK196" s="27"/>
      <c r="AL196" s="28"/>
      <c r="AM196" s="29"/>
      <c r="AN196" s="29"/>
      <c r="AO196" s="30"/>
    </row>
    <row r="197" spans="1:41" s="46" customFormat="1" ht="9.75" customHeight="1">
      <c r="A197" s="57"/>
      <c r="B197" s="131"/>
      <c r="C197" s="33"/>
      <c r="D197" s="34"/>
      <c r="E197" s="175" t="s">
        <v>21</v>
      </c>
      <c r="F197" s="178" t="s">
        <v>168</v>
      </c>
      <c r="G197" s="48"/>
      <c r="H197" s="50"/>
      <c r="I197" s="48"/>
      <c r="J197" s="50"/>
      <c r="K197" s="128"/>
      <c r="L197" s="48"/>
      <c r="M197" s="129"/>
      <c r="N197" s="51"/>
      <c r="O197" s="52"/>
      <c r="P197" s="52"/>
      <c r="Q197" s="76"/>
      <c r="R197" s="48"/>
      <c r="S197" s="52"/>
      <c r="T197" s="130"/>
      <c r="U197" s="52"/>
      <c r="V197" s="50"/>
      <c r="W197" s="51"/>
      <c r="X197" s="51"/>
      <c r="Y197" s="51"/>
      <c r="Z197" s="122" t="s">
        <v>3</v>
      </c>
      <c r="AA197" s="55"/>
      <c r="AB197" s="55"/>
      <c r="AC197" s="55"/>
      <c r="AD197" s="56"/>
      <c r="AE197" s="19"/>
      <c r="AF197" s="19"/>
      <c r="AG197" s="19"/>
      <c r="AH197" s="55"/>
      <c r="AI197" s="55"/>
      <c r="AJ197" s="55"/>
      <c r="AK197" s="55"/>
      <c r="AL197" s="56"/>
      <c r="AM197" s="19"/>
      <c r="AN197" s="19"/>
      <c r="AO197" s="26"/>
    </row>
    <row r="198" spans="1:41" s="46" customFormat="1" ht="9.75" customHeight="1">
      <c r="A198" s="57"/>
      <c r="B198" s="131"/>
      <c r="C198" s="33"/>
      <c r="D198" s="141"/>
      <c r="E198" s="176"/>
      <c r="F198" s="179"/>
      <c r="G198" s="33"/>
      <c r="H198" s="59" t="s">
        <v>602</v>
      </c>
      <c r="I198" s="33"/>
      <c r="J198" s="59" t="s">
        <v>603</v>
      </c>
      <c r="K198" s="132" t="s">
        <v>30</v>
      </c>
      <c r="L198" s="33"/>
      <c r="M198" s="133" t="s">
        <v>30</v>
      </c>
      <c r="N198" s="60" t="s">
        <v>604</v>
      </c>
      <c r="O198" s="61"/>
      <c r="P198" s="61"/>
      <c r="Q198" s="34"/>
      <c r="R198" s="33"/>
      <c r="S198" s="61"/>
      <c r="T198" s="134" t="s">
        <v>604</v>
      </c>
      <c r="U198" s="61"/>
      <c r="V198" s="59" t="s">
        <v>30</v>
      </c>
      <c r="W198" s="60" t="s">
        <v>30</v>
      </c>
      <c r="X198" s="60" t="s">
        <v>30</v>
      </c>
      <c r="Y198" s="60" t="s">
        <v>30</v>
      </c>
      <c r="Z198" s="135"/>
      <c r="AA198" s="27"/>
      <c r="AB198" s="27"/>
      <c r="AC198" s="27"/>
      <c r="AD198" s="28"/>
      <c r="AE198" s="29"/>
      <c r="AF198" s="29"/>
      <c r="AG198" s="29"/>
      <c r="AH198" s="27"/>
      <c r="AI198" s="27"/>
      <c r="AJ198" s="27"/>
      <c r="AK198" s="27"/>
      <c r="AL198" s="28"/>
      <c r="AM198" s="29"/>
      <c r="AN198" s="29"/>
      <c r="AO198" s="30"/>
    </row>
    <row r="199" spans="1:41" s="46" customFormat="1" ht="9.75" customHeight="1">
      <c r="A199" s="57"/>
      <c r="B199" s="131"/>
      <c r="C199" s="33"/>
      <c r="D199" s="141"/>
      <c r="E199" s="176"/>
      <c r="F199" s="179"/>
      <c r="G199" s="33"/>
      <c r="H199" s="59"/>
      <c r="I199" s="33"/>
      <c r="J199" s="59"/>
      <c r="K199" s="132"/>
      <c r="L199" s="33"/>
      <c r="M199" s="133"/>
      <c r="N199" s="60"/>
      <c r="O199" s="61"/>
      <c r="P199" s="61"/>
      <c r="Q199" s="34"/>
      <c r="R199" s="33"/>
      <c r="S199" s="61"/>
      <c r="T199" s="134"/>
      <c r="U199" s="61"/>
      <c r="V199" s="59"/>
      <c r="W199" s="60"/>
      <c r="X199" s="60"/>
      <c r="Y199" s="60"/>
      <c r="Z199" s="135"/>
      <c r="AA199" s="27"/>
      <c r="AB199" s="27"/>
      <c r="AC199" s="27"/>
      <c r="AD199" s="28"/>
      <c r="AE199" s="29"/>
      <c r="AF199" s="29"/>
      <c r="AG199" s="29"/>
      <c r="AH199" s="27"/>
      <c r="AI199" s="27"/>
      <c r="AJ199" s="27"/>
      <c r="AK199" s="27"/>
      <c r="AL199" s="28"/>
      <c r="AM199" s="29"/>
      <c r="AN199" s="29"/>
      <c r="AO199" s="30"/>
    </row>
    <row r="200" spans="1:41" s="46" customFormat="1" ht="9.75" customHeight="1">
      <c r="A200" s="57"/>
      <c r="B200" s="131"/>
      <c r="C200" s="33"/>
      <c r="D200" s="131"/>
      <c r="E200" s="33"/>
      <c r="F200" s="34"/>
      <c r="G200" s="33"/>
      <c r="H200" s="59"/>
      <c r="I200" s="33"/>
      <c r="J200" s="59"/>
      <c r="K200" s="132"/>
      <c r="L200" s="33"/>
      <c r="M200" s="133"/>
      <c r="N200" s="60"/>
      <c r="O200" s="61"/>
      <c r="P200" s="185" t="s">
        <v>174</v>
      </c>
      <c r="Q200" s="178" t="s">
        <v>175</v>
      </c>
      <c r="R200" s="48"/>
      <c r="S200" s="52"/>
      <c r="T200" s="130"/>
      <c r="U200" s="52"/>
      <c r="V200" s="50"/>
      <c r="W200" s="51"/>
      <c r="X200" s="51"/>
      <c r="Y200" s="51"/>
      <c r="Z200" s="122" t="s">
        <v>3</v>
      </c>
      <c r="AA200" s="55"/>
      <c r="AB200" s="55"/>
      <c r="AC200" s="55"/>
      <c r="AD200" s="56"/>
      <c r="AE200" s="19"/>
      <c r="AF200" s="19"/>
      <c r="AG200" s="19"/>
      <c r="AH200" s="55"/>
      <c r="AI200" s="55"/>
      <c r="AJ200" s="55"/>
      <c r="AK200" s="55"/>
      <c r="AL200" s="56"/>
      <c r="AM200" s="19"/>
      <c r="AN200" s="19"/>
      <c r="AO200" s="26"/>
    </row>
    <row r="201" spans="1:41" s="46" customFormat="1" ht="9.75" customHeight="1">
      <c r="A201" s="57"/>
      <c r="B201" s="131"/>
      <c r="C201" s="33"/>
      <c r="D201" s="131"/>
      <c r="E201" s="33"/>
      <c r="F201" s="34"/>
      <c r="G201" s="33"/>
      <c r="H201" s="59"/>
      <c r="I201" s="33"/>
      <c r="J201" s="59"/>
      <c r="K201" s="132"/>
      <c r="L201" s="33"/>
      <c r="M201" s="133"/>
      <c r="N201" s="60"/>
      <c r="O201" s="61"/>
      <c r="P201" s="186"/>
      <c r="Q201" s="179"/>
      <c r="R201" s="33"/>
      <c r="S201" s="61" t="s">
        <v>604</v>
      </c>
      <c r="T201" s="134" t="s">
        <v>604</v>
      </c>
      <c r="U201" s="61"/>
      <c r="V201" s="59" t="s">
        <v>30</v>
      </c>
      <c r="W201" s="60" t="s">
        <v>30</v>
      </c>
      <c r="X201" s="60" t="s">
        <v>30</v>
      </c>
      <c r="Y201" s="60" t="s">
        <v>30</v>
      </c>
      <c r="Z201" s="135"/>
      <c r="AA201" s="27"/>
      <c r="AB201" s="27"/>
      <c r="AC201" s="27"/>
      <c r="AD201" s="28"/>
      <c r="AE201" s="29"/>
      <c r="AF201" s="29"/>
      <c r="AG201" s="29"/>
      <c r="AH201" s="27"/>
      <c r="AI201" s="27"/>
      <c r="AJ201" s="27"/>
      <c r="AK201" s="27"/>
      <c r="AL201" s="28"/>
      <c r="AM201" s="29"/>
      <c r="AN201" s="29"/>
      <c r="AO201" s="30"/>
    </row>
    <row r="202" spans="1:41" s="46" customFormat="1" ht="9.75" customHeight="1">
      <c r="A202" s="57"/>
      <c r="B202" s="131"/>
      <c r="C202" s="33"/>
      <c r="D202" s="131"/>
      <c r="E202" s="33"/>
      <c r="F202" s="34"/>
      <c r="G202" s="33"/>
      <c r="H202" s="59"/>
      <c r="I202" s="33"/>
      <c r="J202" s="59"/>
      <c r="K202" s="132"/>
      <c r="L202" s="33"/>
      <c r="M202" s="133"/>
      <c r="N202" s="60"/>
      <c r="O202" s="61"/>
      <c r="P202" s="187"/>
      <c r="Q202" s="180"/>
      <c r="R202" s="33"/>
      <c r="S202" s="61"/>
      <c r="T202" s="134"/>
      <c r="U202" s="61"/>
      <c r="V202" s="59"/>
      <c r="W202" s="60"/>
      <c r="X202" s="60"/>
      <c r="Y202" s="60"/>
      <c r="Z202" s="135"/>
      <c r="AA202" s="27"/>
      <c r="AB202" s="27"/>
      <c r="AC202" s="27"/>
      <c r="AD202" s="28"/>
      <c r="AE202" s="29"/>
      <c r="AF202" s="29"/>
      <c r="AG202" s="29"/>
      <c r="AH202" s="27"/>
      <c r="AI202" s="27"/>
      <c r="AJ202" s="27"/>
      <c r="AK202" s="27"/>
      <c r="AL202" s="28"/>
      <c r="AM202" s="29"/>
      <c r="AN202" s="29"/>
      <c r="AO202" s="30"/>
    </row>
    <row r="203" spans="1:41" s="46" customFormat="1" ht="9.75" customHeight="1">
      <c r="A203" s="80"/>
      <c r="B203" s="142"/>
      <c r="C203" s="52"/>
      <c r="D203" s="142"/>
      <c r="E203" s="52"/>
      <c r="F203" s="76"/>
      <c r="G203" s="82"/>
      <c r="H203" s="83"/>
      <c r="I203" s="82"/>
      <c r="J203" s="83"/>
      <c r="K203" s="143"/>
      <c r="L203" s="82"/>
      <c r="M203" s="144"/>
      <c r="N203" s="84"/>
      <c r="O203" s="85"/>
      <c r="P203" s="85"/>
      <c r="Q203" s="86"/>
      <c r="R203" s="82"/>
      <c r="S203" s="85"/>
      <c r="T203" s="145"/>
      <c r="U203" s="85"/>
      <c r="V203" s="83"/>
      <c r="W203" s="84"/>
      <c r="X203" s="84"/>
      <c r="Y203" s="84"/>
      <c r="Z203" s="146" t="s">
        <v>79</v>
      </c>
      <c r="AA203" s="89"/>
      <c r="AB203" s="89"/>
      <c r="AC203" s="89"/>
      <c r="AD203" s="90"/>
      <c r="AE203" s="91"/>
      <c r="AF203" s="91"/>
      <c r="AG203" s="91"/>
      <c r="AH203" s="89"/>
      <c r="AI203" s="89"/>
      <c r="AJ203" s="89"/>
      <c r="AK203" s="89"/>
      <c r="AL203" s="90"/>
      <c r="AM203" s="91"/>
      <c r="AN203" s="91"/>
      <c r="AO203" s="92"/>
    </row>
    <row r="204" spans="1:41" s="46" customFormat="1" ht="9.75" customHeight="1">
      <c r="A204" s="181" t="s">
        <v>129</v>
      </c>
      <c r="B204" s="182"/>
      <c r="C204" s="183"/>
      <c r="D204" s="183"/>
      <c r="E204" s="183"/>
      <c r="F204" s="184"/>
      <c r="G204" s="230" t="s">
        <v>374</v>
      </c>
      <c r="H204" s="231"/>
      <c r="I204" s="35" t="s">
        <v>133</v>
      </c>
      <c r="J204" s="36" t="s">
        <v>375</v>
      </c>
      <c r="K204" s="37" t="s">
        <v>376</v>
      </c>
      <c r="L204" s="35"/>
      <c r="M204" s="36" t="s">
        <v>30</v>
      </c>
      <c r="N204" s="124" t="s">
        <v>377</v>
      </c>
      <c r="O204" s="147"/>
      <c r="P204" s="38"/>
      <c r="Q204" s="39"/>
      <c r="R204" s="35"/>
      <c r="S204" s="38"/>
      <c r="T204" s="148" t="s">
        <v>417</v>
      </c>
      <c r="U204" s="38"/>
      <c r="V204" s="36" t="s">
        <v>30</v>
      </c>
      <c r="W204" s="37" t="s">
        <v>418</v>
      </c>
      <c r="X204" s="36" t="s">
        <v>419</v>
      </c>
      <c r="Y204" s="37" t="s">
        <v>420</v>
      </c>
      <c r="Z204" s="149"/>
      <c r="AA204" s="43"/>
      <c r="AB204" s="43"/>
      <c r="AC204" s="43"/>
      <c r="AD204" s="43"/>
      <c r="AE204" s="44"/>
      <c r="AF204" s="44"/>
      <c r="AG204" s="44"/>
      <c r="AH204" s="42"/>
      <c r="AI204" s="42"/>
      <c r="AJ204" s="42"/>
      <c r="AK204" s="42"/>
      <c r="AL204" s="43"/>
      <c r="AM204" s="43"/>
      <c r="AN204" s="43"/>
      <c r="AO204" s="45" t="s">
        <v>421</v>
      </c>
    </row>
    <row r="205" spans="1:41" s="46" customFormat="1" ht="9.75" customHeight="1">
      <c r="A205" s="93"/>
      <c r="B205" s="150"/>
      <c r="C205" s="98"/>
      <c r="D205" s="150"/>
      <c r="E205" s="98"/>
      <c r="F205" s="99"/>
      <c r="G205" s="95"/>
      <c r="H205" s="96"/>
      <c r="I205" s="95"/>
      <c r="J205" s="96"/>
      <c r="K205" s="151"/>
      <c r="L205" s="95"/>
      <c r="M205" s="152"/>
      <c r="N205" s="97"/>
      <c r="O205" s="98"/>
      <c r="P205" s="98"/>
      <c r="Q205" s="99"/>
      <c r="R205" s="95"/>
      <c r="S205" s="98"/>
      <c r="T205" s="153"/>
      <c r="U205" s="98"/>
      <c r="V205" s="96"/>
      <c r="W205" s="97"/>
      <c r="X205" s="97"/>
      <c r="Y205" s="97"/>
      <c r="Z205" s="154"/>
      <c r="AA205" s="102"/>
      <c r="AB205" s="102"/>
      <c r="AC205" s="102"/>
      <c r="AD205" s="103"/>
      <c r="AE205" s="104"/>
      <c r="AF205" s="104"/>
      <c r="AG205" s="104"/>
      <c r="AH205" s="102"/>
      <c r="AI205" s="102"/>
      <c r="AJ205" s="102"/>
      <c r="AK205" s="102"/>
      <c r="AL205" s="103"/>
      <c r="AM205" s="104"/>
      <c r="AN205" s="104"/>
      <c r="AO205" s="155"/>
    </row>
    <row r="206" spans="1:41" ht="9.75" customHeight="1">
      <c r="A206" s="105"/>
      <c r="B206" s="106"/>
      <c r="C206" s="106"/>
      <c r="D206" s="106"/>
      <c r="E206" s="106"/>
      <c r="F206" s="106"/>
      <c r="G206" s="106"/>
      <c r="H206" s="106"/>
      <c r="I206" s="106"/>
      <c r="J206" s="106"/>
      <c r="K206" s="106"/>
      <c r="L206" s="106"/>
      <c r="M206" s="106"/>
      <c r="N206" s="106"/>
      <c r="O206" s="106"/>
      <c r="P206" s="106"/>
      <c r="Q206" s="106"/>
      <c r="R206" s="106"/>
      <c r="S206" s="106"/>
      <c r="T206" s="106"/>
      <c r="U206" s="106"/>
      <c r="V206" s="106"/>
      <c r="W206" s="106"/>
      <c r="X206" s="106"/>
      <c r="Y206" s="106"/>
      <c r="Z206" s="107"/>
      <c r="AA206" s="107"/>
      <c r="AB206" s="107"/>
      <c r="AC206" s="107"/>
      <c r="AD206" s="107"/>
      <c r="AE206" s="107"/>
      <c r="AF206" s="107"/>
      <c r="AG206" s="107"/>
      <c r="AH206" s="107"/>
      <c r="AI206" s="107"/>
      <c r="AJ206" s="107"/>
      <c r="AK206" s="107"/>
      <c r="AL206" s="107"/>
      <c r="AM206" s="107"/>
      <c r="AN206" s="107"/>
      <c r="AO206" s="108"/>
    </row>
    <row r="207" spans="1:41" ht="9.75" customHeight="1">
      <c r="A207" s="109"/>
      <c r="B207" s="110"/>
      <c r="C207" s="110"/>
      <c r="D207" s="110"/>
      <c r="E207" s="110"/>
      <c r="F207" s="110"/>
      <c r="G207" s="110"/>
      <c r="H207" s="110"/>
      <c r="I207" s="110"/>
      <c r="J207" s="110"/>
      <c r="K207" s="110"/>
      <c r="L207" s="110"/>
      <c r="M207" s="110"/>
      <c r="N207" s="110"/>
      <c r="O207" s="110"/>
      <c r="P207" s="110"/>
      <c r="Q207" s="110"/>
      <c r="R207" s="110"/>
      <c r="S207" s="110"/>
      <c r="T207" s="110"/>
      <c r="U207" s="110"/>
      <c r="V207" s="110"/>
      <c r="W207" s="110"/>
      <c r="X207" s="110"/>
      <c r="Y207" s="110"/>
      <c r="Z207" s="110"/>
      <c r="AA207" s="110"/>
      <c r="AB207" s="110"/>
      <c r="AC207" s="110"/>
      <c r="AD207" s="110"/>
      <c r="AE207" s="110"/>
      <c r="AF207" s="110"/>
      <c r="AG207" s="110"/>
      <c r="AH207" s="110"/>
      <c r="AI207" s="110"/>
      <c r="AJ207" s="110"/>
      <c r="AK207" s="110"/>
      <c r="AL207" s="110"/>
      <c r="AM207" s="110"/>
      <c r="AN207" s="110"/>
      <c r="AO207" s="111"/>
    </row>
    <row r="208" spans="1:41" ht="9.75" customHeight="1">
      <c r="A208" s="109"/>
      <c r="B208" s="110"/>
      <c r="C208" s="110"/>
      <c r="D208" s="110"/>
      <c r="E208" s="110"/>
      <c r="F208" s="110"/>
      <c r="G208" s="110"/>
      <c r="H208" s="110"/>
      <c r="I208" s="110"/>
      <c r="J208" s="110"/>
      <c r="K208" s="110"/>
      <c r="L208" s="110"/>
      <c r="M208" s="110"/>
      <c r="N208" s="110"/>
      <c r="O208" s="110"/>
      <c r="P208" s="110"/>
      <c r="Q208" s="110"/>
      <c r="R208" s="110"/>
      <c r="S208" s="110"/>
      <c r="T208" s="110"/>
      <c r="U208" s="110"/>
      <c r="V208" s="110"/>
      <c r="W208" s="110"/>
      <c r="X208" s="110"/>
      <c r="Y208" s="110"/>
      <c r="Z208" s="110"/>
      <c r="AA208" s="110"/>
      <c r="AB208" s="110"/>
      <c r="AC208" s="110"/>
      <c r="AD208" s="110"/>
      <c r="AE208" s="110"/>
      <c r="AF208" s="110"/>
      <c r="AG208" s="110"/>
      <c r="AH208" s="110"/>
      <c r="AI208" s="110"/>
      <c r="AJ208" s="110"/>
      <c r="AK208" s="110"/>
      <c r="AL208" s="110"/>
      <c r="AM208" s="110"/>
      <c r="AN208" s="110"/>
      <c r="AO208" s="111"/>
    </row>
    <row r="209" spans="1:41" ht="9.75" customHeight="1">
      <c r="A209" s="109"/>
      <c r="B209" s="110"/>
      <c r="C209" s="110"/>
      <c r="D209" s="110"/>
      <c r="E209" s="110"/>
      <c r="F209" s="110"/>
      <c r="G209" s="110"/>
      <c r="H209" s="110"/>
      <c r="I209" s="110"/>
      <c r="J209" s="110"/>
      <c r="K209" s="110"/>
      <c r="L209" s="110"/>
      <c r="M209" s="110"/>
      <c r="N209" s="110"/>
      <c r="O209" s="110"/>
      <c r="P209" s="110"/>
      <c r="Q209" s="110"/>
      <c r="R209" s="110"/>
      <c r="S209" s="110"/>
      <c r="T209" s="110"/>
      <c r="U209" s="110"/>
      <c r="V209" s="110"/>
      <c r="W209" s="110"/>
      <c r="X209" s="110"/>
      <c r="Y209" s="110"/>
      <c r="Z209" s="110"/>
      <c r="AA209" s="110"/>
      <c r="AB209" s="110"/>
      <c r="AC209" s="110"/>
      <c r="AD209" s="110"/>
      <c r="AE209" s="110"/>
      <c r="AF209" s="110"/>
      <c r="AG209" s="110"/>
      <c r="AH209" s="110"/>
      <c r="AI209" s="110"/>
      <c r="AJ209" s="110"/>
      <c r="AK209" s="110"/>
      <c r="AL209" s="110"/>
      <c r="AM209" s="110"/>
      <c r="AN209" s="110"/>
      <c r="AO209" s="111"/>
    </row>
    <row r="210" spans="1:41" ht="9.75" customHeight="1">
      <c r="A210" s="109"/>
      <c r="B210" s="110"/>
      <c r="C210" s="110"/>
      <c r="D210" s="110"/>
      <c r="E210" s="110"/>
      <c r="F210" s="110"/>
      <c r="G210" s="110"/>
      <c r="H210" s="110"/>
      <c r="I210" s="110"/>
      <c r="J210" s="110"/>
      <c r="K210" s="110"/>
      <c r="L210" s="110"/>
      <c r="M210" s="110"/>
      <c r="N210" s="110"/>
      <c r="O210" s="110"/>
      <c r="P210" s="110"/>
      <c r="Q210" s="110"/>
      <c r="R210" s="110"/>
      <c r="S210" s="110"/>
      <c r="T210" s="110"/>
      <c r="U210" s="110"/>
      <c r="V210" s="110"/>
      <c r="W210" s="110"/>
      <c r="X210" s="110"/>
      <c r="Y210" s="110"/>
      <c r="Z210" s="110"/>
      <c r="AA210" s="110"/>
      <c r="AB210" s="110"/>
      <c r="AC210" s="110"/>
      <c r="AD210" s="110"/>
      <c r="AE210" s="110"/>
      <c r="AF210" s="110"/>
      <c r="AG210" s="110"/>
      <c r="AH210" s="110"/>
      <c r="AI210" s="110"/>
      <c r="AJ210" s="110"/>
      <c r="AK210" s="110"/>
      <c r="AL210" s="110"/>
      <c r="AM210" s="110"/>
      <c r="AN210" s="110"/>
      <c r="AO210" s="111"/>
    </row>
    <row r="211" spans="1:41" ht="9.75" customHeight="1">
      <c r="A211" s="109"/>
      <c r="B211" s="110"/>
      <c r="C211" s="110"/>
      <c r="D211" s="110"/>
      <c r="E211" s="110"/>
      <c r="F211" s="110"/>
      <c r="G211" s="110"/>
      <c r="H211" s="110"/>
      <c r="I211" s="110"/>
      <c r="J211" s="110"/>
      <c r="K211" s="110"/>
      <c r="L211" s="110"/>
      <c r="M211" s="110"/>
      <c r="N211" s="110"/>
      <c r="O211" s="110"/>
      <c r="P211" s="110"/>
      <c r="Q211" s="110"/>
      <c r="R211" s="110"/>
      <c r="S211" s="110"/>
      <c r="T211" s="110"/>
      <c r="U211" s="110"/>
      <c r="V211" s="110"/>
      <c r="W211" s="110"/>
      <c r="X211" s="110"/>
      <c r="Y211" s="110"/>
      <c r="Z211" s="110"/>
      <c r="AA211" s="110"/>
      <c r="AB211" s="110"/>
      <c r="AC211" s="110"/>
      <c r="AD211" s="110"/>
      <c r="AE211" s="110"/>
      <c r="AF211" s="110"/>
      <c r="AG211" s="110"/>
      <c r="AH211" s="110"/>
      <c r="AI211" s="110"/>
      <c r="AJ211" s="110"/>
      <c r="AK211" s="110"/>
      <c r="AL211" s="110"/>
      <c r="AM211" s="110"/>
      <c r="AN211" s="110"/>
      <c r="AO211" s="111"/>
    </row>
    <row r="212" spans="1:41" ht="9.75" customHeight="1">
      <c r="A212" s="109"/>
      <c r="B212" s="110"/>
      <c r="C212" s="110"/>
      <c r="D212" s="110"/>
      <c r="E212" s="110"/>
      <c r="F212" s="110"/>
      <c r="G212" s="110"/>
      <c r="H212" s="110"/>
      <c r="I212" s="110"/>
      <c r="J212" s="110"/>
      <c r="K212" s="110"/>
      <c r="L212" s="110"/>
      <c r="M212" s="110"/>
      <c r="N212" s="110"/>
      <c r="O212" s="110"/>
      <c r="P212" s="110"/>
      <c r="Q212" s="110"/>
      <c r="R212" s="110"/>
      <c r="S212" s="110"/>
      <c r="T212" s="110"/>
      <c r="U212" s="110"/>
      <c r="V212" s="110"/>
      <c r="W212" s="110"/>
      <c r="X212" s="110"/>
      <c r="Y212" s="110"/>
      <c r="Z212" s="110"/>
      <c r="AA212" s="110"/>
      <c r="AB212" s="110"/>
      <c r="AC212" s="110"/>
      <c r="AD212" s="110"/>
      <c r="AE212" s="110"/>
      <c r="AF212" s="110"/>
      <c r="AG212" s="110"/>
      <c r="AH212" s="110"/>
      <c r="AI212" s="110"/>
      <c r="AJ212" s="110"/>
      <c r="AK212" s="110"/>
      <c r="AL212" s="110"/>
      <c r="AM212" s="110"/>
      <c r="AN212" s="110"/>
      <c r="AO212" s="111"/>
    </row>
    <row r="213" spans="1:41" ht="9.75" customHeight="1">
      <c r="A213" s="109"/>
      <c r="B213" s="110"/>
      <c r="C213" s="110"/>
      <c r="D213" s="110"/>
      <c r="E213" s="110"/>
      <c r="F213" s="110"/>
      <c r="G213" s="110"/>
      <c r="H213" s="110"/>
      <c r="I213" s="110"/>
      <c r="J213" s="110"/>
      <c r="K213" s="110"/>
      <c r="L213" s="110"/>
      <c r="M213" s="110"/>
      <c r="N213" s="110"/>
      <c r="O213" s="110"/>
      <c r="P213" s="110"/>
      <c r="Q213" s="110"/>
      <c r="R213" s="110"/>
      <c r="S213" s="110"/>
      <c r="T213" s="110"/>
      <c r="U213" s="110"/>
      <c r="V213" s="110"/>
      <c r="W213" s="110"/>
      <c r="X213" s="110"/>
      <c r="Y213" s="110"/>
      <c r="Z213" s="110"/>
      <c r="AA213" s="110"/>
      <c r="AB213" s="110"/>
      <c r="AC213" s="110"/>
      <c r="AD213" s="110"/>
      <c r="AE213" s="110"/>
      <c r="AF213" s="110"/>
      <c r="AG213" s="110"/>
      <c r="AH213" s="110"/>
      <c r="AI213" s="110"/>
      <c r="AJ213" s="110"/>
      <c r="AK213" s="110"/>
      <c r="AL213" s="110"/>
      <c r="AM213" s="110"/>
      <c r="AN213" s="110"/>
      <c r="AO213" s="111"/>
    </row>
    <row r="214" spans="1:41" ht="9.75" customHeight="1">
      <c r="A214" s="109"/>
      <c r="B214" s="110"/>
      <c r="C214" s="110"/>
      <c r="D214" s="110"/>
      <c r="E214" s="110"/>
      <c r="F214" s="110"/>
      <c r="G214" s="110"/>
      <c r="H214" s="110"/>
      <c r="I214" s="110"/>
      <c r="J214" s="110"/>
      <c r="K214" s="110"/>
      <c r="L214" s="110"/>
      <c r="M214" s="110"/>
      <c r="N214" s="110"/>
      <c r="O214" s="110"/>
      <c r="P214" s="110"/>
      <c r="Q214" s="110"/>
      <c r="R214" s="110"/>
      <c r="S214" s="110"/>
      <c r="T214" s="110"/>
      <c r="U214" s="110"/>
      <c r="V214" s="110"/>
      <c r="W214" s="110"/>
      <c r="X214" s="110"/>
      <c r="Y214" s="110"/>
      <c r="Z214" s="110"/>
      <c r="AA214" s="110"/>
      <c r="AB214" s="110"/>
      <c r="AC214" s="110"/>
      <c r="AD214" s="110"/>
      <c r="AE214" s="110"/>
      <c r="AF214" s="110"/>
      <c r="AG214" s="110"/>
      <c r="AH214" s="110"/>
      <c r="AI214" s="110"/>
      <c r="AJ214" s="110"/>
      <c r="AK214" s="110"/>
      <c r="AL214" s="110"/>
      <c r="AM214" s="110"/>
      <c r="AN214" s="110"/>
      <c r="AO214" s="111"/>
    </row>
    <row r="215" spans="1:41" ht="9.75" customHeight="1">
      <c r="A215" s="109"/>
      <c r="B215" s="110"/>
      <c r="C215" s="110"/>
      <c r="D215" s="110"/>
      <c r="E215" s="110"/>
      <c r="F215" s="110"/>
      <c r="G215" s="110"/>
      <c r="H215" s="110"/>
      <c r="I215" s="110"/>
      <c r="J215" s="110"/>
      <c r="K215" s="110"/>
      <c r="L215" s="110"/>
      <c r="M215" s="110"/>
      <c r="N215" s="110"/>
      <c r="O215" s="110"/>
      <c r="P215" s="110"/>
      <c r="Q215" s="110"/>
      <c r="R215" s="110"/>
      <c r="S215" s="110"/>
      <c r="T215" s="110"/>
      <c r="U215" s="110"/>
      <c r="V215" s="110"/>
      <c r="W215" s="110"/>
      <c r="X215" s="110"/>
      <c r="Y215" s="110"/>
      <c r="Z215" s="110"/>
      <c r="AA215" s="110"/>
      <c r="AB215" s="110"/>
      <c r="AC215" s="110"/>
      <c r="AD215" s="110"/>
      <c r="AE215" s="110"/>
      <c r="AF215" s="110"/>
      <c r="AG215" s="110"/>
      <c r="AH215" s="110"/>
      <c r="AI215" s="110"/>
      <c r="AJ215" s="110"/>
      <c r="AK215" s="110"/>
      <c r="AL215" s="110"/>
      <c r="AM215" s="110"/>
      <c r="AN215" s="110"/>
      <c r="AO215" s="111"/>
    </row>
    <row r="216" spans="1:41" ht="9.75" customHeight="1">
      <c r="A216" s="109"/>
      <c r="B216" s="110"/>
      <c r="C216" s="110"/>
      <c r="D216" s="110"/>
      <c r="E216" s="110"/>
      <c r="F216" s="110"/>
      <c r="G216" s="110"/>
      <c r="H216" s="110"/>
      <c r="I216" s="110"/>
      <c r="J216" s="110"/>
      <c r="K216" s="110"/>
      <c r="L216" s="110"/>
      <c r="M216" s="110"/>
      <c r="N216" s="110"/>
      <c r="O216" s="110"/>
      <c r="P216" s="110"/>
      <c r="Q216" s="110"/>
      <c r="R216" s="110"/>
      <c r="S216" s="110"/>
      <c r="T216" s="110"/>
      <c r="U216" s="110"/>
      <c r="V216" s="110"/>
      <c r="W216" s="110"/>
      <c r="X216" s="110"/>
      <c r="Y216" s="110"/>
      <c r="Z216" s="110"/>
      <c r="AA216" s="110"/>
      <c r="AB216" s="110"/>
      <c r="AC216" s="110"/>
      <c r="AD216" s="110"/>
      <c r="AE216" s="110"/>
      <c r="AF216" s="110"/>
      <c r="AG216" s="110"/>
      <c r="AH216" s="110"/>
      <c r="AI216" s="110"/>
      <c r="AJ216" s="110"/>
      <c r="AK216" s="110"/>
      <c r="AL216" s="110"/>
      <c r="AM216" s="110"/>
      <c r="AN216" s="110"/>
      <c r="AO216" s="111"/>
    </row>
    <row r="217" spans="1:41" ht="9.75" customHeight="1">
      <c r="A217" s="109"/>
      <c r="B217" s="110"/>
      <c r="C217" s="110"/>
      <c r="D217" s="110"/>
      <c r="E217" s="110"/>
      <c r="F217" s="110"/>
      <c r="G217" s="110"/>
      <c r="H217" s="110"/>
      <c r="I217" s="110"/>
      <c r="J217" s="110"/>
      <c r="K217" s="110"/>
      <c r="L217" s="110"/>
      <c r="M217" s="110"/>
      <c r="N217" s="110"/>
      <c r="O217" s="110"/>
      <c r="P217" s="110"/>
      <c r="Q217" s="110"/>
      <c r="R217" s="110"/>
      <c r="S217" s="110"/>
      <c r="T217" s="110"/>
      <c r="U217" s="110"/>
      <c r="V217" s="110"/>
      <c r="W217" s="110"/>
      <c r="X217" s="110"/>
      <c r="Y217" s="110"/>
      <c r="Z217" s="110"/>
      <c r="AA217" s="110"/>
      <c r="AB217" s="110"/>
      <c r="AC217" s="110"/>
      <c r="AD217" s="110"/>
      <c r="AE217" s="110"/>
      <c r="AF217" s="110"/>
      <c r="AG217" s="110"/>
      <c r="AH217" s="110"/>
      <c r="AI217" s="110"/>
      <c r="AJ217" s="110"/>
      <c r="AK217" s="110"/>
      <c r="AL217" s="110"/>
      <c r="AM217" s="110"/>
      <c r="AN217" s="110"/>
      <c r="AO217" s="111"/>
    </row>
    <row r="218" spans="1:41" ht="9.75" customHeight="1">
      <c r="A218" s="109"/>
      <c r="B218" s="110"/>
      <c r="C218" s="110"/>
      <c r="D218" s="110"/>
      <c r="E218" s="110"/>
      <c r="F218" s="110"/>
      <c r="G218" s="110"/>
      <c r="H218" s="110"/>
      <c r="I218" s="110"/>
      <c r="J218" s="110"/>
      <c r="K218" s="110"/>
      <c r="L218" s="110"/>
      <c r="M218" s="110"/>
      <c r="N218" s="110"/>
      <c r="O218" s="110"/>
      <c r="P218" s="110"/>
      <c r="Q218" s="110"/>
      <c r="R218" s="110"/>
      <c r="S218" s="110"/>
      <c r="T218" s="110"/>
      <c r="U218" s="110"/>
      <c r="V218" s="110"/>
      <c r="W218" s="110"/>
      <c r="X218" s="110"/>
      <c r="Y218" s="110"/>
      <c r="Z218" s="110"/>
      <c r="AA218" s="110"/>
      <c r="AB218" s="110"/>
      <c r="AC218" s="110"/>
      <c r="AD218" s="110"/>
      <c r="AE218" s="110"/>
      <c r="AF218" s="110"/>
      <c r="AG218" s="110"/>
      <c r="AH218" s="110"/>
      <c r="AI218" s="110"/>
      <c r="AJ218" s="110"/>
      <c r="AK218" s="110"/>
      <c r="AL218" s="110"/>
      <c r="AM218" s="110"/>
      <c r="AN218" s="110"/>
      <c r="AO218" s="111"/>
    </row>
    <row r="219" spans="1:41" ht="9.75" customHeight="1">
      <c r="A219" s="109"/>
      <c r="B219" s="110"/>
      <c r="C219" s="110"/>
      <c r="D219" s="110"/>
      <c r="E219" s="110"/>
      <c r="F219" s="110"/>
      <c r="G219" s="110"/>
      <c r="H219" s="110"/>
      <c r="I219" s="110"/>
      <c r="J219" s="110"/>
      <c r="K219" s="110"/>
      <c r="L219" s="110"/>
      <c r="M219" s="110"/>
      <c r="N219" s="110"/>
      <c r="O219" s="110"/>
      <c r="P219" s="110"/>
      <c r="Q219" s="110"/>
      <c r="R219" s="110"/>
      <c r="S219" s="110"/>
      <c r="T219" s="110"/>
      <c r="U219" s="110"/>
      <c r="V219" s="110"/>
      <c r="W219" s="110"/>
      <c r="X219" s="110"/>
      <c r="Y219" s="110"/>
      <c r="Z219" s="110"/>
      <c r="AA219" s="110"/>
      <c r="AB219" s="110"/>
      <c r="AC219" s="110"/>
      <c r="AD219" s="110"/>
      <c r="AE219" s="110"/>
      <c r="AF219" s="110"/>
      <c r="AG219" s="110"/>
      <c r="AH219" s="110"/>
      <c r="AI219" s="110"/>
      <c r="AJ219" s="110"/>
      <c r="AK219" s="110"/>
      <c r="AL219" s="110"/>
      <c r="AM219" s="110"/>
      <c r="AN219" s="110"/>
      <c r="AO219" s="111"/>
    </row>
    <row r="220" spans="1:41" ht="9.75" customHeight="1">
      <c r="A220" s="109"/>
      <c r="B220" s="110"/>
      <c r="C220" s="110"/>
      <c r="D220" s="110"/>
      <c r="E220" s="110"/>
      <c r="F220" s="110"/>
      <c r="G220" s="110"/>
      <c r="H220" s="110"/>
      <c r="I220" s="110"/>
      <c r="J220" s="110"/>
      <c r="K220" s="110"/>
      <c r="L220" s="110"/>
      <c r="M220" s="110"/>
      <c r="N220" s="110"/>
      <c r="O220" s="110"/>
      <c r="P220" s="110"/>
      <c r="Q220" s="110"/>
      <c r="R220" s="110"/>
      <c r="S220" s="110"/>
      <c r="T220" s="110"/>
      <c r="U220" s="110"/>
      <c r="V220" s="110"/>
      <c r="W220" s="110"/>
      <c r="X220" s="110"/>
      <c r="Y220" s="110"/>
      <c r="Z220" s="110"/>
      <c r="AA220" s="110"/>
      <c r="AB220" s="110"/>
      <c r="AC220" s="110"/>
      <c r="AD220" s="110"/>
      <c r="AE220" s="110"/>
      <c r="AF220" s="110"/>
      <c r="AG220" s="110"/>
      <c r="AH220" s="110"/>
      <c r="AI220" s="110"/>
      <c r="AJ220" s="110"/>
      <c r="AK220" s="110"/>
      <c r="AL220" s="110"/>
      <c r="AM220" s="110"/>
      <c r="AN220" s="110"/>
      <c r="AO220" s="111"/>
    </row>
    <row r="221" spans="1:41" ht="9.75" customHeight="1">
      <c r="A221" s="109"/>
      <c r="B221" s="110"/>
      <c r="C221" s="110"/>
      <c r="D221" s="110"/>
      <c r="E221" s="110"/>
      <c r="F221" s="110"/>
      <c r="G221" s="110"/>
      <c r="H221" s="110"/>
      <c r="I221" s="110"/>
      <c r="J221" s="110"/>
      <c r="K221" s="110"/>
      <c r="L221" s="110"/>
      <c r="M221" s="110"/>
      <c r="N221" s="110"/>
      <c r="O221" s="110"/>
      <c r="P221" s="110"/>
      <c r="Q221" s="110"/>
      <c r="R221" s="110"/>
      <c r="S221" s="110"/>
      <c r="T221" s="110"/>
      <c r="U221" s="110"/>
      <c r="V221" s="110"/>
      <c r="W221" s="110"/>
      <c r="X221" s="110"/>
      <c r="Y221" s="110"/>
      <c r="Z221" s="110"/>
      <c r="AA221" s="110"/>
      <c r="AB221" s="110"/>
      <c r="AC221" s="110"/>
      <c r="AD221" s="110"/>
      <c r="AE221" s="110"/>
      <c r="AF221" s="110"/>
      <c r="AG221" s="110"/>
      <c r="AH221" s="110"/>
      <c r="AI221" s="110"/>
      <c r="AJ221" s="110"/>
      <c r="AK221" s="110"/>
      <c r="AL221" s="110"/>
      <c r="AM221" s="110"/>
      <c r="AN221" s="110"/>
      <c r="AO221" s="111"/>
    </row>
    <row r="222" spans="1:41" ht="9.75" customHeight="1">
      <c r="A222" s="109"/>
      <c r="B222" s="110"/>
      <c r="C222" s="110"/>
      <c r="D222" s="110"/>
      <c r="E222" s="110"/>
      <c r="F222" s="110"/>
      <c r="G222" s="110"/>
      <c r="H222" s="110"/>
      <c r="I222" s="110"/>
      <c r="J222" s="110"/>
      <c r="K222" s="110"/>
      <c r="L222" s="110"/>
      <c r="M222" s="110"/>
      <c r="N222" s="110"/>
      <c r="O222" s="110"/>
      <c r="P222" s="110"/>
      <c r="Q222" s="110"/>
      <c r="R222" s="110"/>
      <c r="S222" s="110"/>
      <c r="T222" s="110"/>
      <c r="U222" s="110"/>
      <c r="V222" s="110"/>
      <c r="W222" s="110"/>
      <c r="X222" s="110"/>
      <c r="Y222" s="110"/>
      <c r="Z222" s="110"/>
      <c r="AA222" s="110"/>
      <c r="AB222" s="110"/>
      <c r="AC222" s="110"/>
      <c r="AD222" s="110"/>
      <c r="AE222" s="110"/>
      <c r="AF222" s="110"/>
      <c r="AG222" s="110"/>
      <c r="AH222" s="110"/>
      <c r="AI222" s="110"/>
      <c r="AJ222" s="110"/>
      <c r="AK222" s="110"/>
      <c r="AL222" s="110"/>
      <c r="AM222" s="110"/>
      <c r="AN222" s="110"/>
      <c r="AO222" s="111"/>
    </row>
    <row r="223" spans="1:41" ht="9.75" customHeight="1">
      <c r="A223" s="109"/>
      <c r="B223" s="110"/>
      <c r="C223" s="110"/>
      <c r="D223" s="110"/>
      <c r="E223" s="110"/>
      <c r="F223" s="110"/>
      <c r="G223" s="110"/>
      <c r="H223" s="110"/>
      <c r="I223" s="110"/>
      <c r="J223" s="110"/>
      <c r="K223" s="110"/>
      <c r="L223" s="110"/>
      <c r="M223" s="110"/>
      <c r="N223" s="110"/>
      <c r="O223" s="110"/>
      <c r="P223" s="110"/>
      <c r="Q223" s="110"/>
      <c r="R223" s="110"/>
      <c r="S223" s="110"/>
      <c r="T223" s="110"/>
      <c r="U223" s="110"/>
      <c r="V223" s="110"/>
      <c r="W223" s="110"/>
      <c r="X223" s="110"/>
      <c r="Y223" s="110"/>
      <c r="Z223" s="110"/>
      <c r="AA223" s="110"/>
      <c r="AB223" s="110"/>
      <c r="AC223" s="110"/>
      <c r="AD223" s="110"/>
      <c r="AE223" s="110"/>
      <c r="AF223" s="110"/>
      <c r="AG223" s="110"/>
      <c r="AH223" s="110"/>
      <c r="AI223" s="110"/>
      <c r="AJ223" s="110"/>
      <c r="AK223" s="110"/>
      <c r="AL223" s="110"/>
      <c r="AM223" s="110"/>
      <c r="AN223" s="110"/>
      <c r="AO223" s="111"/>
    </row>
    <row r="224" spans="1:41" ht="9.75" customHeight="1">
      <c r="A224" s="109"/>
      <c r="B224" s="110"/>
      <c r="C224" s="110"/>
      <c r="D224" s="110"/>
      <c r="E224" s="110"/>
      <c r="F224" s="110"/>
      <c r="G224" s="110"/>
      <c r="H224" s="110"/>
      <c r="I224" s="110"/>
      <c r="J224" s="110"/>
      <c r="K224" s="110"/>
      <c r="L224" s="110"/>
      <c r="M224" s="110"/>
      <c r="N224" s="110"/>
      <c r="O224" s="110"/>
      <c r="P224" s="110"/>
      <c r="Q224" s="110"/>
      <c r="R224" s="110"/>
      <c r="S224" s="110"/>
      <c r="T224" s="110"/>
      <c r="U224" s="110"/>
      <c r="V224" s="110"/>
      <c r="W224" s="110"/>
      <c r="X224" s="110"/>
      <c r="Y224" s="110"/>
      <c r="Z224" s="110"/>
      <c r="AA224" s="110"/>
      <c r="AB224" s="110"/>
      <c r="AC224" s="110"/>
      <c r="AD224" s="110"/>
      <c r="AE224" s="110"/>
      <c r="AF224" s="110"/>
      <c r="AG224" s="110"/>
      <c r="AH224" s="110"/>
      <c r="AI224" s="110"/>
      <c r="AJ224" s="110"/>
      <c r="AK224" s="110"/>
      <c r="AL224" s="110"/>
      <c r="AM224" s="110"/>
      <c r="AN224" s="110"/>
      <c r="AO224" s="111"/>
    </row>
    <row r="225" spans="1:41" ht="9.75" customHeight="1">
      <c r="A225" s="109"/>
      <c r="B225" s="110"/>
      <c r="C225" s="110"/>
      <c r="D225" s="110"/>
      <c r="E225" s="110"/>
      <c r="F225" s="110"/>
      <c r="G225" s="110"/>
      <c r="H225" s="110"/>
      <c r="I225" s="110"/>
      <c r="J225" s="110"/>
      <c r="K225" s="110"/>
      <c r="L225" s="110"/>
      <c r="M225" s="110"/>
      <c r="N225" s="110"/>
      <c r="O225" s="110"/>
      <c r="P225" s="110"/>
      <c r="Q225" s="110"/>
      <c r="R225" s="110"/>
      <c r="S225" s="110"/>
      <c r="T225" s="110"/>
      <c r="U225" s="110"/>
      <c r="V225" s="110"/>
      <c r="W225" s="110"/>
      <c r="X225" s="110"/>
      <c r="Y225" s="110"/>
      <c r="Z225" s="110"/>
      <c r="AA225" s="110"/>
      <c r="AB225" s="110"/>
      <c r="AC225" s="110"/>
      <c r="AD225" s="110"/>
      <c r="AE225" s="110"/>
      <c r="AF225" s="110"/>
      <c r="AG225" s="110"/>
      <c r="AH225" s="110"/>
      <c r="AI225" s="110"/>
      <c r="AJ225" s="110"/>
      <c r="AK225" s="110"/>
      <c r="AL225" s="110"/>
      <c r="AM225" s="110"/>
      <c r="AN225" s="110"/>
      <c r="AO225" s="111"/>
    </row>
    <row r="226" spans="1:41" ht="9.75" customHeight="1">
      <c r="A226" s="109"/>
      <c r="B226" s="110"/>
      <c r="C226" s="110"/>
      <c r="D226" s="110"/>
      <c r="E226" s="110"/>
      <c r="F226" s="110"/>
      <c r="G226" s="110"/>
      <c r="H226" s="110"/>
      <c r="I226" s="110"/>
      <c r="J226" s="110"/>
      <c r="K226" s="110"/>
      <c r="L226" s="110"/>
      <c r="M226" s="110"/>
      <c r="N226" s="110"/>
      <c r="O226" s="110"/>
      <c r="P226" s="110"/>
      <c r="Q226" s="110"/>
      <c r="R226" s="110"/>
      <c r="S226" s="110"/>
      <c r="T226" s="110"/>
      <c r="U226" s="110"/>
      <c r="V226" s="110"/>
      <c r="W226" s="110"/>
      <c r="X226" s="110"/>
      <c r="Y226" s="110"/>
      <c r="Z226" s="110"/>
      <c r="AA226" s="110"/>
      <c r="AB226" s="110"/>
      <c r="AC226" s="110"/>
      <c r="AD226" s="110"/>
      <c r="AE226" s="110"/>
      <c r="AF226" s="110"/>
      <c r="AG226" s="110"/>
      <c r="AH226" s="110"/>
      <c r="AI226" s="110"/>
      <c r="AJ226" s="110"/>
      <c r="AK226" s="110"/>
      <c r="AL226" s="110"/>
      <c r="AM226" s="110"/>
      <c r="AN226" s="110"/>
      <c r="AO226" s="111"/>
    </row>
    <row r="227" spans="1:41" ht="9.75" customHeight="1">
      <c r="A227" s="109"/>
      <c r="B227" s="110"/>
      <c r="C227" s="110"/>
      <c r="D227" s="110"/>
      <c r="E227" s="110"/>
      <c r="F227" s="110"/>
      <c r="G227" s="110"/>
      <c r="H227" s="110"/>
      <c r="I227" s="110"/>
      <c r="J227" s="110"/>
      <c r="K227" s="110"/>
      <c r="L227" s="110"/>
      <c r="M227" s="110"/>
      <c r="N227" s="110"/>
      <c r="O227" s="110"/>
      <c r="P227" s="110"/>
      <c r="Q227" s="110"/>
      <c r="R227" s="110"/>
      <c r="S227" s="110"/>
      <c r="T227" s="110"/>
      <c r="U227" s="110"/>
      <c r="V227" s="110"/>
      <c r="W227" s="110"/>
      <c r="X227" s="110"/>
      <c r="Y227" s="110"/>
      <c r="Z227" s="110"/>
      <c r="AA227" s="110"/>
      <c r="AB227" s="110"/>
      <c r="AC227" s="110"/>
      <c r="AD227" s="110"/>
      <c r="AE227" s="110"/>
      <c r="AF227" s="110"/>
      <c r="AG227" s="110"/>
      <c r="AH227" s="110"/>
      <c r="AI227" s="110"/>
      <c r="AJ227" s="110"/>
      <c r="AK227" s="110"/>
      <c r="AL227" s="110"/>
      <c r="AM227" s="110"/>
      <c r="AN227" s="110"/>
      <c r="AO227" s="111"/>
    </row>
    <row r="228" spans="1:41" ht="9.75" customHeight="1">
      <c r="A228" s="109"/>
      <c r="B228" s="110"/>
      <c r="C228" s="110"/>
      <c r="D228" s="110"/>
      <c r="E228" s="110"/>
      <c r="F228" s="110"/>
      <c r="G228" s="110"/>
      <c r="H228" s="110"/>
      <c r="I228" s="110"/>
      <c r="J228" s="110"/>
      <c r="K228" s="110"/>
      <c r="L228" s="110"/>
      <c r="M228" s="110"/>
      <c r="N228" s="110"/>
      <c r="O228" s="110"/>
      <c r="P228" s="110"/>
      <c r="Q228" s="110"/>
      <c r="R228" s="110"/>
      <c r="S228" s="110"/>
      <c r="T228" s="110"/>
      <c r="U228" s="110"/>
      <c r="V228" s="110"/>
      <c r="W228" s="110"/>
      <c r="X228" s="110"/>
      <c r="Y228" s="110"/>
      <c r="Z228" s="110"/>
      <c r="AA228" s="110"/>
      <c r="AB228" s="110"/>
      <c r="AC228" s="110"/>
      <c r="AD228" s="110"/>
      <c r="AE228" s="110"/>
      <c r="AF228" s="110"/>
      <c r="AG228" s="110"/>
      <c r="AH228" s="110"/>
      <c r="AI228" s="110"/>
      <c r="AJ228" s="110"/>
      <c r="AK228" s="110"/>
      <c r="AL228" s="110"/>
      <c r="AM228" s="110"/>
      <c r="AN228" s="110"/>
      <c r="AO228" s="111"/>
    </row>
    <row r="229" spans="1:41" ht="9.75" customHeight="1">
      <c r="A229" s="109"/>
      <c r="B229" s="110"/>
      <c r="C229" s="110"/>
      <c r="D229" s="110"/>
      <c r="E229" s="110"/>
      <c r="F229" s="110"/>
      <c r="G229" s="110"/>
      <c r="H229" s="110"/>
      <c r="I229" s="110"/>
      <c r="J229" s="110"/>
      <c r="K229" s="110"/>
      <c r="L229" s="110"/>
      <c r="M229" s="110"/>
      <c r="N229" s="110"/>
      <c r="O229" s="110"/>
      <c r="P229" s="110"/>
      <c r="Q229" s="110"/>
      <c r="R229" s="110"/>
      <c r="S229" s="110"/>
      <c r="T229" s="110"/>
      <c r="U229" s="110"/>
      <c r="V229" s="110"/>
      <c r="W229" s="110"/>
      <c r="X229" s="110"/>
      <c r="Y229" s="110"/>
      <c r="Z229" s="110"/>
      <c r="AA229" s="110"/>
      <c r="AB229" s="110"/>
      <c r="AC229" s="110"/>
      <c r="AD229" s="110"/>
      <c r="AE229" s="110"/>
      <c r="AF229" s="110"/>
      <c r="AG229" s="110"/>
      <c r="AH229" s="110"/>
      <c r="AI229" s="110"/>
      <c r="AJ229" s="110"/>
      <c r="AK229" s="110"/>
      <c r="AL229" s="110"/>
      <c r="AM229" s="110"/>
      <c r="AN229" s="110"/>
      <c r="AO229" s="111"/>
    </row>
    <row r="230" spans="1:41" ht="9.75" customHeight="1">
      <c r="A230" s="109"/>
      <c r="B230" s="110"/>
      <c r="C230" s="110"/>
      <c r="D230" s="110"/>
      <c r="E230" s="110"/>
      <c r="F230" s="110"/>
      <c r="G230" s="110"/>
      <c r="H230" s="110"/>
      <c r="I230" s="110"/>
      <c r="J230" s="110"/>
      <c r="K230" s="110"/>
      <c r="L230" s="110"/>
      <c r="M230" s="110"/>
      <c r="N230" s="110"/>
      <c r="O230" s="110"/>
      <c r="P230" s="110"/>
      <c r="Q230" s="110"/>
      <c r="R230" s="110"/>
      <c r="S230" s="110"/>
      <c r="T230" s="110"/>
      <c r="U230" s="110"/>
      <c r="V230" s="110"/>
      <c r="W230" s="110"/>
      <c r="X230" s="110"/>
      <c r="Y230" s="110"/>
      <c r="Z230" s="110"/>
      <c r="AA230" s="110"/>
      <c r="AB230" s="110"/>
      <c r="AC230" s="110"/>
      <c r="AD230" s="110"/>
      <c r="AE230" s="110"/>
      <c r="AF230" s="110"/>
      <c r="AG230" s="110"/>
      <c r="AH230" s="110"/>
      <c r="AI230" s="110"/>
      <c r="AJ230" s="110"/>
      <c r="AK230" s="110"/>
      <c r="AL230" s="110"/>
      <c r="AM230" s="110"/>
      <c r="AN230" s="110"/>
      <c r="AO230" s="111"/>
    </row>
    <row r="231" spans="1:41" ht="9.75" customHeight="1">
      <c r="A231" s="109"/>
      <c r="B231" s="110"/>
      <c r="C231" s="110"/>
      <c r="D231" s="110"/>
      <c r="E231" s="110"/>
      <c r="F231" s="110"/>
      <c r="G231" s="110"/>
      <c r="H231" s="110"/>
      <c r="I231" s="110"/>
      <c r="J231" s="110"/>
      <c r="K231" s="110"/>
      <c r="L231" s="110"/>
      <c r="M231" s="110"/>
      <c r="N231" s="110"/>
      <c r="O231" s="110"/>
      <c r="P231" s="110"/>
      <c r="Q231" s="110"/>
      <c r="R231" s="110"/>
      <c r="S231" s="110"/>
      <c r="T231" s="110"/>
      <c r="U231" s="110"/>
      <c r="V231" s="110"/>
      <c r="W231" s="110"/>
      <c r="X231" s="110"/>
      <c r="Y231" s="110"/>
      <c r="Z231" s="110"/>
      <c r="AA231" s="110"/>
      <c r="AB231" s="110"/>
      <c r="AC231" s="110"/>
      <c r="AD231" s="110"/>
      <c r="AE231" s="110"/>
      <c r="AF231" s="110"/>
      <c r="AG231" s="110"/>
      <c r="AH231" s="110"/>
      <c r="AI231" s="110"/>
      <c r="AJ231" s="110"/>
      <c r="AK231" s="110"/>
      <c r="AL231" s="110"/>
      <c r="AM231" s="110"/>
      <c r="AN231" s="110"/>
      <c r="AO231" s="111"/>
    </row>
    <row r="232" spans="1:41" ht="9.75" customHeight="1">
      <c r="A232" s="109"/>
      <c r="B232" s="110"/>
      <c r="C232" s="110"/>
      <c r="D232" s="110"/>
      <c r="E232" s="110"/>
      <c r="F232" s="110"/>
      <c r="G232" s="110"/>
      <c r="H232" s="110"/>
      <c r="I232" s="110"/>
      <c r="J232" s="110"/>
      <c r="K232" s="110"/>
      <c r="L232" s="110"/>
      <c r="M232" s="110"/>
      <c r="N232" s="110"/>
      <c r="O232" s="110"/>
      <c r="P232" s="110"/>
      <c r="Q232" s="110"/>
      <c r="R232" s="110"/>
      <c r="S232" s="110"/>
      <c r="T232" s="110"/>
      <c r="U232" s="110"/>
      <c r="V232" s="110"/>
      <c r="W232" s="110"/>
      <c r="X232" s="110"/>
      <c r="Y232" s="110"/>
      <c r="Z232" s="110"/>
      <c r="AA232" s="110"/>
      <c r="AB232" s="110"/>
      <c r="AC232" s="110"/>
      <c r="AD232" s="110"/>
      <c r="AE232" s="110"/>
      <c r="AF232" s="110"/>
      <c r="AG232" s="110"/>
      <c r="AH232" s="110"/>
      <c r="AI232" s="110"/>
      <c r="AJ232" s="110"/>
      <c r="AK232" s="110"/>
      <c r="AL232" s="110"/>
      <c r="AM232" s="110"/>
      <c r="AN232" s="110"/>
      <c r="AO232" s="111"/>
    </row>
    <row r="233" spans="1:41" ht="9.75" customHeight="1">
      <c r="A233" s="109"/>
      <c r="B233" s="110"/>
      <c r="C233" s="110"/>
      <c r="D233" s="110"/>
      <c r="E233" s="110"/>
      <c r="F233" s="110"/>
      <c r="G233" s="110"/>
      <c r="H233" s="110"/>
      <c r="I233" s="110"/>
      <c r="J233" s="110"/>
      <c r="K233" s="110"/>
      <c r="L233" s="110"/>
      <c r="M233" s="110"/>
      <c r="N233" s="110"/>
      <c r="O233" s="110"/>
      <c r="P233" s="110"/>
      <c r="Q233" s="110"/>
      <c r="R233" s="110"/>
      <c r="S233" s="110"/>
      <c r="T233" s="110"/>
      <c r="U233" s="110"/>
      <c r="V233" s="110"/>
      <c r="W233" s="110"/>
      <c r="X233" s="110"/>
      <c r="Y233" s="110"/>
      <c r="Z233" s="110"/>
      <c r="AA233" s="110"/>
      <c r="AB233" s="110"/>
      <c r="AC233" s="110"/>
      <c r="AD233" s="110"/>
      <c r="AE233" s="110"/>
      <c r="AF233" s="110"/>
      <c r="AG233" s="110"/>
      <c r="AH233" s="110"/>
      <c r="AI233" s="110"/>
      <c r="AJ233" s="110"/>
      <c r="AK233" s="110"/>
      <c r="AL233" s="110"/>
      <c r="AM233" s="110"/>
      <c r="AN233" s="110"/>
      <c r="AO233" s="111"/>
    </row>
    <row r="234" spans="1:41" ht="9.75" customHeight="1">
      <c r="A234" s="109"/>
      <c r="B234" s="110"/>
      <c r="C234" s="110"/>
      <c r="D234" s="110"/>
      <c r="E234" s="110"/>
      <c r="F234" s="110"/>
      <c r="G234" s="110"/>
      <c r="H234" s="110"/>
      <c r="I234" s="110"/>
      <c r="J234" s="110"/>
      <c r="K234" s="110"/>
      <c r="L234" s="110"/>
      <c r="M234" s="110"/>
      <c r="N234" s="110"/>
      <c r="O234" s="110"/>
      <c r="P234" s="110"/>
      <c r="Q234" s="110"/>
      <c r="R234" s="110"/>
      <c r="S234" s="110"/>
      <c r="T234" s="110"/>
      <c r="U234" s="110"/>
      <c r="V234" s="110"/>
      <c r="W234" s="110"/>
      <c r="X234" s="110"/>
      <c r="Y234" s="110"/>
      <c r="Z234" s="110"/>
      <c r="AA234" s="110"/>
      <c r="AB234" s="110"/>
      <c r="AC234" s="110"/>
      <c r="AD234" s="110"/>
      <c r="AE234" s="110"/>
      <c r="AF234" s="110"/>
      <c r="AG234" s="110"/>
      <c r="AH234" s="110"/>
      <c r="AI234" s="110"/>
      <c r="AJ234" s="110"/>
      <c r="AK234" s="110"/>
      <c r="AL234" s="110"/>
      <c r="AM234" s="110"/>
      <c r="AN234" s="110"/>
      <c r="AO234" s="111"/>
    </row>
    <row r="235" spans="1:41" ht="9.75" customHeight="1">
      <c r="A235" s="109"/>
      <c r="B235" s="110"/>
      <c r="C235" s="110"/>
      <c r="D235" s="110"/>
      <c r="E235" s="110"/>
      <c r="F235" s="110"/>
      <c r="G235" s="110"/>
      <c r="H235" s="110"/>
      <c r="I235" s="110"/>
      <c r="J235" s="110"/>
      <c r="K235" s="110"/>
      <c r="L235" s="110"/>
      <c r="M235" s="110"/>
      <c r="N235" s="110"/>
      <c r="O235" s="110"/>
      <c r="P235" s="110"/>
      <c r="Q235" s="110"/>
      <c r="R235" s="110"/>
      <c r="S235" s="110"/>
      <c r="T235" s="110"/>
      <c r="U235" s="110"/>
      <c r="V235" s="110"/>
      <c r="W235" s="110"/>
      <c r="X235" s="110"/>
      <c r="Y235" s="110"/>
      <c r="Z235" s="110"/>
      <c r="AA235" s="110"/>
      <c r="AB235" s="110"/>
      <c r="AC235" s="110"/>
      <c r="AD235" s="110"/>
      <c r="AE235" s="110"/>
      <c r="AF235" s="110"/>
      <c r="AG235" s="110"/>
      <c r="AH235" s="110"/>
      <c r="AI235" s="110"/>
      <c r="AJ235" s="110"/>
      <c r="AK235" s="110"/>
      <c r="AL235" s="110"/>
      <c r="AM235" s="110"/>
      <c r="AN235" s="110"/>
      <c r="AO235" s="111"/>
    </row>
    <row r="236" spans="1:41" ht="9.75" customHeight="1">
      <c r="A236" s="109"/>
      <c r="B236" s="110"/>
      <c r="C236" s="110"/>
      <c r="D236" s="110"/>
      <c r="E236" s="110"/>
      <c r="F236" s="110"/>
      <c r="G236" s="110"/>
      <c r="H236" s="110"/>
      <c r="I236" s="110"/>
      <c r="J236" s="110"/>
      <c r="K236" s="110"/>
      <c r="L236" s="110"/>
      <c r="M236" s="110"/>
      <c r="N236" s="110"/>
      <c r="O236" s="110"/>
      <c r="P236" s="110"/>
      <c r="Q236" s="110"/>
      <c r="R236" s="110"/>
      <c r="S236" s="110"/>
      <c r="T236" s="110"/>
      <c r="U236" s="110"/>
      <c r="V236" s="110"/>
      <c r="W236" s="110"/>
      <c r="X236" s="110"/>
      <c r="Y236" s="110"/>
      <c r="Z236" s="110"/>
      <c r="AA236" s="110"/>
      <c r="AB236" s="110"/>
      <c r="AC236" s="110"/>
      <c r="AD236" s="110"/>
      <c r="AE236" s="110"/>
      <c r="AF236" s="110"/>
      <c r="AG236" s="110"/>
      <c r="AH236" s="110"/>
      <c r="AI236" s="110"/>
      <c r="AJ236" s="110"/>
      <c r="AK236" s="110"/>
      <c r="AL236" s="110"/>
      <c r="AM236" s="110"/>
      <c r="AN236" s="110"/>
      <c r="AO236" s="111"/>
    </row>
    <row r="237" spans="1:41" ht="9.75" customHeight="1">
      <c r="A237" s="109"/>
      <c r="B237" s="110"/>
      <c r="C237" s="110"/>
      <c r="D237" s="110"/>
      <c r="E237" s="110"/>
      <c r="F237" s="110"/>
      <c r="G237" s="110"/>
      <c r="H237" s="110"/>
      <c r="I237" s="110"/>
      <c r="J237" s="110"/>
      <c r="K237" s="110"/>
      <c r="L237" s="110"/>
      <c r="M237" s="110"/>
      <c r="N237" s="110"/>
      <c r="O237" s="110"/>
      <c r="P237" s="110"/>
      <c r="Q237" s="110"/>
      <c r="R237" s="110"/>
      <c r="S237" s="110"/>
      <c r="T237" s="110"/>
      <c r="U237" s="110"/>
      <c r="V237" s="110"/>
      <c r="W237" s="110"/>
      <c r="X237" s="110"/>
      <c r="Y237" s="110"/>
      <c r="Z237" s="110"/>
      <c r="AA237" s="110"/>
      <c r="AB237" s="110"/>
      <c r="AC237" s="110"/>
      <c r="AD237" s="110"/>
      <c r="AE237" s="110"/>
      <c r="AF237" s="110"/>
      <c r="AG237" s="110"/>
      <c r="AH237" s="110"/>
      <c r="AI237" s="110"/>
      <c r="AJ237" s="110"/>
      <c r="AK237" s="110"/>
      <c r="AL237" s="110"/>
      <c r="AM237" s="110"/>
      <c r="AN237" s="110"/>
      <c r="AO237" s="111"/>
    </row>
    <row r="238" spans="1:41" ht="9.75" customHeight="1">
      <c r="A238" s="109"/>
      <c r="B238" s="110"/>
      <c r="C238" s="110"/>
      <c r="D238" s="110"/>
      <c r="E238" s="110"/>
      <c r="F238" s="110"/>
      <c r="G238" s="110"/>
      <c r="H238" s="110"/>
      <c r="I238" s="110"/>
      <c r="J238" s="110"/>
      <c r="K238" s="110"/>
      <c r="L238" s="110"/>
      <c r="M238" s="110"/>
      <c r="N238" s="110"/>
      <c r="O238" s="110"/>
      <c r="P238" s="110"/>
      <c r="Q238" s="110"/>
      <c r="R238" s="110"/>
      <c r="S238" s="110"/>
      <c r="T238" s="110"/>
      <c r="U238" s="110"/>
      <c r="V238" s="110"/>
      <c r="W238" s="110"/>
      <c r="X238" s="110"/>
      <c r="Y238" s="110"/>
      <c r="Z238" s="110"/>
      <c r="AA238" s="110"/>
      <c r="AB238" s="110"/>
      <c r="AC238" s="110"/>
      <c r="AD238" s="110"/>
      <c r="AE238" s="110"/>
      <c r="AF238" s="110"/>
      <c r="AG238" s="110"/>
      <c r="AH238" s="110"/>
      <c r="AI238" s="110"/>
      <c r="AJ238" s="110"/>
      <c r="AK238" s="110"/>
      <c r="AL238" s="110"/>
      <c r="AM238" s="110"/>
      <c r="AN238" s="110"/>
      <c r="AO238" s="111"/>
    </row>
    <row r="239" spans="1:41" ht="9.75" customHeight="1">
      <c r="A239" s="109"/>
      <c r="B239" s="110"/>
      <c r="C239" s="110"/>
      <c r="D239" s="110"/>
      <c r="E239" s="110"/>
      <c r="F239" s="110"/>
      <c r="G239" s="110"/>
      <c r="H239" s="110"/>
      <c r="I239" s="110"/>
      <c r="J239" s="110"/>
      <c r="K239" s="110"/>
      <c r="L239" s="110"/>
      <c r="M239" s="110"/>
      <c r="N239" s="110"/>
      <c r="O239" s="110"/>
      <c r="P239" s="110"/>
      <c r="Q239" s="110"/>
      <c r="R239" s="110"/>
      <c r="S239" s="110"/>
      <c r="T239" s="110"/>
      <c r="U239" s="110"/>
      <c r="V239" s="110"/>
      <c r="W239" s="110"/>
      <c r="X239" s="110"/>
      <c r="Y239" s="110"/>
      <c r="Z239" s="110"/>
      <c r="AA239" s="110"/>
      <c r="AB239" s="110"/>
      <c r="AC239" s="110"/>
      <c r="AD239" s="110"/>
      <c r="AE239" s="110"/>
      <c r="AF239" s="110"/>
      <c r="AG239" s="110"/>
      <c r="AH239" s="110"/>
      <c r="AI239" s="110"/>
      <c r="AJ239" s="110"/>
      <c r="AK239" s="110"/>
      <c r="AL239" s="110"/>
      <c r="AM239" s="110"/>
      <c r="AN239" s="110"/>
      <c r="AO239" s="111"/>
    </row>
    <row r="240" spans="1:41" ht="9.75" customHeight="1">
      <c r="A240" s="109"/>
      <c r="B240" s="110"/>
      <c r="C240" s="110"/>
      <c r="D240" s="110"/>
      <c r="E240" s="110"/>
      <c r="F240" s="110"/>
      <c r="G240" s="110"/>
      <c r="H240" s="110"/>
      <c r="I240" s="110"/>
      <c r="J240" s="110"/>
      <c r="K240" s="110"/>
      <c r="L240" s="110"/>
      <c r="M240" s="110"/>
      <c r="N240" s="110"/>
      <c r="O240" s="110"/>
      <c r="P240" s="110"/>
      <c r="Q240" s="110"/>
      <c r="R240" s="110"/>
      <c r="S240" s="110"/>
      <c r="T240" s="110"/>
      <c r="U240" s="110"/>
      <c r="V240" s="110"/>
      <c r="W240" s="110"/>
      <c r="X240" s="110"/>
      <c r="Y240" s="110"/>
      <c r="Z240" s="110"/>
      <c r="AA240" s="110"/>
      <c r="AB240" s="110"/>
      <c r="AC240" s="110"/>
      <c r="AD240" s="110"/>
      <c r="AE240" s="110"/>
      <c r="AF240" s="110"/>
      <c r="AG240" s="110"/>
      <c r="AH240" s="110"/>
      <c r="AI240" s="110"/>
      <c r="AJ240" s="110"/>
      <c r="AK240" s="110"/>
      <c r="AL240" s="110"/>
      <c r="AM240" s="110"/>
      <c r="AN240" s="110"/>
      <c r="AO240" s="111"/>
    </row>
    <row r="241" spans="1:41" ht="9.75" customHeight="1">
      <c r="A241" s="109"/>
      <c r="B241" s="110"/>
      <c r="C241" s="110"/>
      <c r="D241" s="110"/>
      <c r="E241" s="110"/>
      <c r="F241" s="110"/>
      <c r="G241" s="110"/>
      <c r="H241" s="110"/>
      <c r="I241" s="110"/>
      <c r="J241" s="110"/>
      <c r="K241" s="110"/>
      <c r="L241" s="110"/>
      <c r="M241" s="110"/>
      <c r="N241" s="110"/>
      <c r="O241" s="110"/>
      <c r="P241" s="110"/>
      <c r="Q241" s="110"/>
      <c r="R241" s="110"/>
      <c r="S241" s="110"/>
      <c r="T241" s="110"/>
      <c r="U241" s="110"/>
      <c r="V241" s="110"/>
      <c r="W241" s="110"/>
      <c r="X241" s="110"/>
      <c r="Y241" s="110"/>
      <c r="Z241" s="110"/>
      <c r="AA241" s="110"/>
      <c r="AB241" s="110"/>
      <c r="AC241" s="110"/>
      <c r="AD241" s="110"/>
      <c r="AE241" s="110"/>
      <c r="AF241" s="110"/>
      <c r="AG241" s="110"/>
      <c r="AH241" s="110"/>
      <c r="AI241" s="110"/>
      <c r="AJ241" s="110"/>
      <c r="AK241" s="110"/>
      <c r="AL241" s="110"/>
      <c r="AM241" s="110"/>
      <c r="AN241" s="110"/>
      <c r="AO241" s="111"/>
    </row>
    <row r="242" spans="1:41" ht="9.75" customHeight="1">
      <c r="A242" s="109"/>
      <c r="B242" s="110"/>
      <c r="C242" s="110"/>
      <c r="D242" s="110"/>
      <c r="E242" s="110"/>
      <c r="F242" s="110"/>
      <c r="G242" s="110"/>
      <c r="H242" s="110"/>
      <c r="I242" s="110"/>
      <c r="J242" s="110"/>
      <c r="K242" s="110"/>
      <c r="L242" s="110"/>
      <c r="M242" s="110"/>
      <c r="N242" s="110"/>
      <c r="O242" s="110"/>
      <c r="P242" s="110"/>
      <c r="Q242" s="110"/>
      <c r="R242" s="110"/>
      <c r="S242" s="110"/>
      <c r="T242" s="110"/>
      <c r="U242" s="110"/>
      <c r="V242" s="110"/>
      <c r="W242" s="110"/>
      <c r="X242" s="110"/>
      <c r="Y242" s="110"/>
      <c r="Z242" s="110"/>
      <c r="AA242" s="110"/>
      <c r="AB242" s="110"/>
      <c r="AC242" s="110"/>
      <c r="AD242" s="110"/>
      <c r="AE242" s="110"/>
      <c r="AF242" s="110"/>
      <c r="AG242" s="110"/>
      <c r="AH242" s="110"/>
      <c r="AI242" s="110"/>
      <c r="AJ242" s="110"/>
      <c r="AK242" s="110"/>
      <c r="AL242" s="110"/>
      <c r="AM242" s="110"/>
      <c r="AN242" s="110"/>
      <c r="AO242" s="111"/>
    </row>
    <row r="243" spans="1:41" ht="9.75" customHeight="1">
      <c r="A243" s="109"/>
      <c r="B243" s="110"/>
      <c r="C243" s="110"/>
      <c r="D243" s="110"/>
      <c r="E243" s="110"/>
      <c r="F243" s="110"/>
      <c r="G243" s="110"/>
      <c r="H243" s="110"/>
      <c r="I243" s="110"/>
      <c r="J243" s="110"/>
      <c r="K243" s="110"/>
      <c r="L243" s="110"/>
      <c r="M243" s="110"/>
      <c r="N243" s="110"/>
      <c r="O243" s="110"/>
      <c r="P243" s="110"/>
      <c r="Q243" s="110"/>
      <c r="R243" s="110"/>
      <c r="S243" s="110"/>
      <c r="T243" s="110"/>
      <c r="U243" s="110"/>
      <c r="V243" s="110"/>
      <c r="W243" s="110"/>
      <c r="X243" s="110"/>
      <c r="Y243" s="110"/>
      <c r="Z243" s="110"/>
      <c r="AA243" s="110"/>
      <c r="AB243" s="110"/>
      <c r="AC243" s="110"/>
      <c r="AD243" s="110"/>
      <c r="AE243" s="110"/>
      <c r="AF243" s="110"/>
      <c r="AG243" s="110"/>
      <c r="AH243" s="110"/>
      <c r="AI243" s="110"/>
      <c r="AJ243" s="110"/>
      <c r="AK243" s="110"/>
      <c r="AL243" s="110"/>
      <c r="AM243" s="110"/>
      <c r="AN243" s="110"/>
      <c r="AO243" s="111"/>
    </row>
    <row r="244" spans="1:41" ht="9.75" customHeight="1">
      <c r="A244" s="109"/>
      <c r="B244" s="110"/>
      <c r="C244" s="110"/>
      <c r="D244" s="110"/>
      <c r="E244" s="110"/>
      <c r="F244" s="110"/>
      <c r="G244" s="110"/>
      <c r="H244" s="110"/>
      <c r="I244" s="110"/>
      <c r="J244" s="110"/>
      <c r="K244" s="110"/>
      <c r="L244" s="110"/>
      <c r="M244" s="110"/>
      <c r="N244" s="110"/>
      <c r="O244" s="110"/>
      <c r="P244" s="110"/>
      <c r="Q244" s="110"/>
      <c r="R244" s="110"/>
      <c r="S244" s="110"/>
      <c r="T244" s="110"/>
      <c r="U244" s="110"/>
      <c r="V244" s="110"/>
      <c r="W244" s="110"/>
      <c r="X244" s="110"/>
      <c r="Y244" s="110"/>
      <c r="Z244" s="110"/>
      <c r="AA244" s="110"/>
      <c r="AB244" s="110"/>
      <c r="AC244" s="110"/>
      <c r="AD244" s="110"/>
      <c r="AE244" s="110"/>
      <c r="AF244" s="110"/>
      <c r="AG244" s="110"/>
      <c r="AH244" s="110"/>
      <c r="AI244" s="110"/>
      <c r="AJ244" s="110"/>
      <c r="AK244" s="110"/>
      <c r="AL244" s="110"/>
      <c r="AM244" s="110"/>
      <c r="AN244" s="110"/>
      <c r="AO244" s="111"/>
    </row>
    <row r="245" spans="1:41" ht="9.75" customHeight="1">
      <c r="A245" s="109"/>
      <c r="B245" s="110"/>
      <c r="C245" s="110"/>
      <c r="D245" s="110"/>
      <c r="E245" s="110"/>
      <c r="F245" s="110"/>
      <c r="G245" s="110"/>
      <c r="H245" s="110"/>
      <c r="I245" s="110"/>
      <c r="J245" s="110"/>
      <c r="K245" s="110"/>
      <c r="L245" s="110"/>
      <c r="M245" s="110"/>
      <c r="N245" s="110"/>
      <c r="O245" s="110"/>
      <c r="P245" s="110"/>
      <c r="Q245" s="110"/>
      <c r="R245" s="110"/>
      <c r="S245" s="110"/>
      <c r="T245" s="110"/>
      <c r="U245" s="110"/>
      <c r="V245" s="110"/>
      <c r="W245" s="110"/>
      <c r="X245" s="110"/>
      <c r="Y245" s="110"/>
      <c r="Z245" s="110"/>
      <c r="AA245" s="110"/>
      <c r="AB245" s="110"/>
      <c r="AC245" s="110"/>
      <c r="AD245" s="110"/>
      <c r="AE245" s="110"/>
      <c r="AF245" s="110"/>
      <c r="AG245" s="110"/>
      <c r="AH245" s="110"/>
      <c r="AI245" s="110"/>
      <c r="AJ245" s="110"/>
      <c r="AK245" s="110"/>
      <c r="AL245" s="110"/>
      <c r="AM245" s="110"/>
      <c r="AN245" s="110"/>
      <c r="AO245" s="111"/>
    </row>
    <row r="246" spans="1:41" ht="9.75" customHeight="1">
      <c r="A246" s="109"/>
      <c r="B246" s="110"/>
      <c r="C246" s="110"/>
      <c r="D246" s="110"/>
      <c r="E246" s="110"/>
      <c r="F246" s="110"/>
      <c r="G246" s="110"/>
      <c r="H246" s="110"/>
      <c r="I246" s="110"/>
      <c r="J246" s="110"/>
      <c r="K246" s="110"/>
      <c r="L246" s="110"/>
      <c r="M246" s="110"/>
      <c r="N246" s="110"/>
      <c r="O246" s="110"/>
      <c r="P246" s="110"/>
      <c r="Q246" s="110"/>
      <c r="R246" s="110"/>
      <c r="S246" s="110"/>
      <c r="T246" s="110"/>
      <c r="U246" s="110"/>
      <c r="V246" s="110"/>
      <c r="W246" s="110"/>
      <c r="X246" s="110"/>
      <c r="Y246" s="110"/>
      <c r="Z246" s="110"/>
      <c r="AA246" s="110"/>
      <c r="AB246" s="110"/>
      <c r="AC246" s="110"/>
      <c r="AD246" s="110"/>
      <c r="AE246" s="110"/>
      <c r="AF246" s="110"/>
      <c r="AG246" s="110"/>
      <c r="AH246" s="110"/>
      <c r="AI246" s="110"/>
      <c r="AJ246" s="110"/>
      <c r="AK246" s="110"/>
      <c r="AL246" s="110"/>
      <c r="AM246" s="110"/>
      <c r="AN246" s="110"/>
      <c r="AO246" s="111"/>
    </row>
    <row r="247" spans="1:41" ht="9.75" customHeight="1">
      <c r="A247" s="109"/>
      <c r="B247" s="110"/>
      <c r="C247" s="110"/>
      <c r="D247" s="110"/>
      <c r="E247" s="110"/>
      <c r="F247" s="110"/>
      <c r="G247" s="110"/>
      <c r="H247" s="110"/>
      <c r="I247" s="110"/>
      <c r="J247" s="110"/>
      <c r="K247" s="110"/>
      <c r="L247" s="110"/>
      <c r="M247" s="110"/>
      <c r="N247" s="110"/>
      <c r="O247" s="110"/>
      <c r="P247" s="110"/>
      <c r="Q247" s="110"/>
      <c r="R247" s="110"/>
      <c r="S247" s="110"/>
      <c r="T247" s="110"/>
      <c r="U247" s="110"/>
      <c r="V247" s="110"/>
      <c r="W247" s="110"/>
      <c r="X247" s="110"/>
      <c r="Y247" s="110"/>
      <c r="Z247" s="110"/>
      <c r="AA247" s="110"/>
      <c r="AB247" s="110"/>
      <c r="AC247" s="110"/>
      <c r="AD247" s="110"/>
      <c r="AE247" s="110"/>
      <c r="AF247" s="110"/>
      <c r="AG247" s="110"/>
      <c r="AH247" s="110"/>
      <c r="AI247" s="110"/>
      <c r="AJ247" s="110"/>
      <c r="AK247" s="110"/>
      <c r="AL247" s="110"/>
      <c r="AM247" s="110"/>
      <c r="AN247" s="110"/>
      <c r="AO247" s="111"/>
    </row>
    <row r="248" spans="1:41" ht="9.75" customHeight="1">
      <c r="A248" s="109"/>
      <c r="B248" s="110"/>
      <c r="C248" s="110"/>
      <c r="D248" s="110"/>
      <c r="E248" s="110"/>
      <c r="F248" s="110"/>
      <c r="G248" s="110"/>
      <c r="H248" s="110"/>
      <c r="I248" s="110"/>
      <c r="J248" s="110"/>
      <c r="K248" s="110"/>
      <c r="L248" s="110"/>
      <c r="M248" s="110"/>
      <c r="N248" s="110"/>
      <c r="O248" s="110"/>
      <c r="P248" s="110"/>
      <c r="Q248" s="110"/>
      <c r="R248" s="110"/>
      <c r="S248" s="110"/>
      <c r="T248" s="110"/>
      <c r="U248" s="110"/>
      <c r="V248" s="110"/>
      <c r="W248" s="110"/>
      <c r="X248" s="110"/>
      <c r="Y248" s="110"/>
      <c r="Z248" s="110"/>
      <c r="AA248" s="110"/>
      <c r="AB248" s="110"/>
      <c r="AC248" s="110"/>
      <c r="AD248" s="110"/>
      <c r="AE248" s="110"/>
      <c r="AF248" s="110"/>
      <c r="AG248" s="110"/>
      <c r="AH248" s="110"/>
      <c r="AI248" s="110"/>
      <c r="AJ248" s="110"/>
      <c r="AK248" s="110"/>
      <c r="AL248" s="110"/>
      <c r="AM248" s="110"/>
      <c r="AN248" s="110"/>
      <c r="AO248" s="111"/>
    </row>
    <row r="249" spans="1:41" ht="9.75" customHeight="1">
      <c r="A249" s="109"/>
      <c r="B249" s="110"/>
      <c r="C249" s="110"/>
      <c r="D249" s="110"/>
      <c r="E249" s="110"/>
      <c r="F249" s="110"/>
      <c r="G249" s="110"/>
      <c r="H249" s="110"/>
      <c r="I249" s="110"/>
      <c r="J249" s="110"/>
      <c r="K249" s="110"/>
      <c r="L249" s="110"/>
      <c r="M249" s="110"/>
      <c r="N249" s="110"/>
      <c r="O249" s="110"/>
      <c r="P249" s="110"/>
      <c r="Q249" s="110"/>
      <c r="R249" s="110"/>
      <c r="S249" s="110"/>
      <c r="T249" s="110"/>
      <c r="U249" s="110"/>
      <c r="V249" s="110"/>
      <c r="W249" s="110"/>
      <c r="X249" s="110"/>
      <c r="Y249" s="110"/>
      <c r="Z249" s="110"/>
      <c r="AA249" s="110"/>
      <c r="AB249" s="110"/>
      <c r="AC249" s="110"/>
      <c r="AD249" s="110"/>
      <c r="AE249" s="110"/>
      <c r="AF249" s="110"/>
      <c r="AG249" s="110"/>
      <c r="AH249" s="110"/>
      <c r="AI249" s="110"/>
      <c r="AJ249" s="110"/>
      <c r="AK249" s="110"/>
      <c r="AL249" s="110"/>
      <c r="AM249" s="110"/>
      <c r="AN249" s="110"/>
      <c r="AO249" s="111"/>
    </row>
    <row r="250" spans="1:41" ht="9.75" customHeight="1">
      <c r="A250" s="109"/>
      <c r="B250" s="110"/>
      <c r="C250" s="110"/>
      <c r="D250" s="110"/>
      <c r="E250" s="110"/>
      <c r="F250" s="110"/>
      <c r="G250" s="110"/>
      <c r="H250" s="110"/>
      <c r="I250" s="110"/>
      <c r="J250" s="110"/>
      <c r="K250" s="110"/>
      <c r="L250" s="110"/>
      <c r="M250" s="110"/>
      <c r="N250" s="110"/>
      <c r="O250" s="110"/>
      <c r="P250" s="110"/>
      <c r="Q250" s="110"/>
      <c r="R250" s="110"/>
      <c r="S250" s="110"/>
      <c r="T250" s="110"/>
      <c r="U250" s="110"/>
      <c r="V250" s="110"/>
      <c r="W250" s="110"/>
      <c r="X250" s="110"/>
      <c r="Y250" s="110"/>
      <c r="Z250" s="110"/>
      <c r="AA250" s="110"/>
      <c r="AB250" s="110"/>
      <c r="AC250" s="110"/>
      <c r="AD250" s="110"/>
      <c r="AE250" s="110"/>
      <c r="AF250" s="110"/>
      <c r="AG250" s="110"/>
      <c r="AH250" s="110"/>
      <c r="AI250" s="110"/>
      <c r="AJ250" s="110"/>
      <c r="AK250" s="110"/>
      <c r="AL250" s="110"/>
      <c r="AM250" s="110"/>
      <c r="AN250" s="110"/>
      <c r="AO250" s="111"/>
    </row>
    <row r="251" spans="1:41" ht="9.75" customHeight="1">
      <c r="A251" s="109"/>
      <c r="B251" s="110"/>
      <c r="C251" s="110"/>
      <c r="D251" s="110"/>
      <c r="E251" s="110"/>
      <c r="F251" s="110"/>
      <c r="G251" s="110"/>
      <c r="H251" s="110"/>
      <c r="I251" s="110"/>
      <c r="J251" s="110"/>
      <c r="K251" s="110"/>
      <c r="L251" s="110"/>
      <c r="M251" s="110"/>
      <c r="N251" s="110"/>
      <c r="O251" s="110"/>
      <c r="P251" s="110"/>
      <c r="Q251" s="110"/>
      <c r="R251" s="110"/>
      <c r="S251" s="110"/>
      <c r="T251" s="110"/>
      <c r="U251" s="110"/>
      <c r="V251" s="110"/>
      <c r="W251" s="110"/>
      <c r="X251" s="110"/>
      <c r="Y251" s="110"/>
      <c r="Z251" s="110"/>
      <c r="AA251" s="110"/>
      <c r="AB251" s="110"/>
      <c r="AC251" s="110"/>
      <c r="AD251" s="110"/>
      <c r="AE251" s="110"/>
      <c r="AF251" s="110"/>
      <c r="AG251" s="110"/>
      <c r="AH251" s="110"/>
      <c r="AI251" s="110"/>
      <c r="AJ251" s="110"/>
      <c r="AK251" s="110"/>
      <c r="AL251" s="110"/>
      <c r="AM251" s="110"/>
      <c r="AN251" s="110"/>
      <c r="AO251" s="111"/>
    </row>
    <row r="252" spans="1:41" ht="9.75" customHeight="1">
      <c r="A252" s="109"/>
      <c r="B252" s="110"/>
      <c r="C252" s="110"/>
      <c r="D252" s="110"/>
      <c r="E252" s="110"/>
      <c r="F252" s="110"/>
      <c r="G252" s="110"/>
      <c r="H252" s="110"/>
      <c r="I252" s="110"/>
      <c r="J252" s="110"/>
      <c r="K252" s="110"/>
      <c r="L252" s="110"/>
      <c r="M252" s="110"/>
      <c r="N252" s="110"/>
      <c r="O252" s="110"/>
      <c r="P252" s="110"/>
      <c r="Q252" s="110"/>
      <c r="R252" s="110"/>
      <c r="S252" s="110"/>
      <c r="T252" s="110"/>
      <c r="U252" s="110"/>
      <c r="V252" s="110"/>
      <c r="W252" s="110"/>
      <c r="X252" s="110"/>
      <c r="Y252" s="110"/>
      <c r="Z252" s="110"/>
      <c r="AA252" s="110"/>
      <c r="AB252" s="110"/>
      <c r="AC252" s="110"/>
      <c r="AD252" s="110"/>
      <c r="AE252" s="110"/>
      <c r="AF252" s="110"/>
      <c r="AG252" s="110"/>
      <c r="AH252" s="110"/>
      <c r="AI252" s="110"/>
      <c r="AJ252" s="110"/>
      <c r="AK252" s="110"/>
      <c r="AL252" s="110"/>
      <c r="AM252" s="110"/>
      <c r="AN252" s="110"/>
      <c r="AO252" s="111"/>
    </row>
    <row r="253" spans="1:41" ht="9.75" customHeight="1">
      <c r="A253" s="109"/>
      <c r="B253" s="110"/>
      <c r="C253" s="110"/>
      <c r="D253" s="110"/>
      <c r="E253" s="110"/>
      <c r="F253" s="110"/>
      <c r="G253" s="110"/>
      <c r="H253" s="110"/>
      <c r="I253" s="110"/>
      <c r="J253" s="110"/>
      <c r="K253" s="110"/>
      <c r="L253" s="110"/>
      <c r="M253" s="110"/>
      <c r="N253" s="110"/>
      <c r="O253" s="110"/>
      <c r="P253" s="110"/>
      <c r="Q253" s="110"/>
      <c r="R253" s="110"/>
      <c r="S253" s="110"/>
      <c r="T253" s="110"/>
      <c r="U253" s="110"/>
      <c r="V253" s="110"/>
      <c r="W253" s="110"/>
      <c r="X253" s="110"/>
      <c r="Y253" s="110"/>
      <c r="Z253" s="110"/>
      <c r="AA253" s="110"/>
      <c r="AB253" s="110"/>
      <c r="AC253" s="110"/>
      <c r="AD253" s="110"/>
      <c r="AE253" s="110"/>
      <c r="AF253" s="110"/>
      <c r="AG253" s="110"/>
      <c r="AH253" s="110"/>
      <c r="AI253" s="110"/>
      <c r="AJ253" s="110"/>
      <c r="AK253" s="110"/>
      <c r="AL253" s="110"/>
      <c r="AM253" s="110"/>
      <c r="AN253" s="110"/>
      <c r="AO253" s="111"/>
    </row>
    <row r="254" spans="1:41" ht="9.75" customHeight="1">
      <c r="A254" s="109"/>
      <c r="B254" s="110"/>
      <c r="C254" s="110"/>
      <c r="D254" s="110"/>
      <c r="E254" s="110"/>
      <c r="F254" s="110"/>
      <c r="G254" s="110"/>
      <c r="H254" s="110"/>
      <c r="I254" s="110"/>
      <c r="J254" s="110"/>
      <c r="K254" s="110"/>
      <c r="L254" s="110"/>
      <c r="M254" s="110"/>
      <c r="N254" s="110"/>
      <c r="O254" s="110"/>
      <c r="P254" s="110"/>
      <c r="Q254" s="110"/>
      <c r="R254" s="110"/>
      <c r="S254" s="110"/>
      <c r="T254" s="110"/>
      <c r="U254" s="110"/>
      <c r="V254" s="110"/>
      <c r="W254" s="110"/>
      <c r="X254" s="110"/>
      <c r="Y254" s="110"/>
      <c r="Z254" s="110"/>
      <c r="AA254" s="110"/>
      <c r="AB254" s="110"/>
      <c r="AC254" s="110"/>
      <c r="AD254" s="110"/>
      <c r="AE254" s="110"/>
      <c r="AF254" s="110"/>
      <c r="AG254" s="110"/>
      <c r="AH254" s="110"/>
      <c r="AI254" s="110"/>
      <c r="AJ254" s="110"/>
      <c r="AK254" s="110"/>
      <c r="AL254" s="110"/>
      <c r="AM254" s="110"/>
      <c r="AN254" s="110"/>
      <c r="AO254" s="111"/>
    </row>
    <row r="255" spans="1:41" ht="9.75" customHeight="1">
      <c r="A255" s="109"/>
      <c r="B255" s="110"/>
      <c r="C255" s="110"/>
      <c r="D255" s="110"/>
      <c r="E255" s="110"/>
      <c r="F255" s="110"/>
      <c r="G255" s="110"/>
      <c r="H255" s="110"/>
      <c r="I255" s="110"/>
      <c r="J255" s="110"/>
      <c r="K255" s="110"/>
      <c r="L255" s="110"/>
      <c r="M255" s="110"/>
      <c r="N255" s="110"/>
      <c r="O255" s="110"/>
      <c r="P255" s="110"/>
      <c r="Q255" s="110"/>
      <c r="R255" s="110"/>
      <c r="S255" s="110"/>
      <c r="T255" s="110"/>
      <c r="U255" s="110"/>
      <c r="V255" s="110"/>
      <c r="W255" s="110"/>
      <c r="X255" s="110"/>
      <c r="Y255" s="110"/>
      <c r="Z255" s="110"/>
      <c r="AA255" s="110"/>
      <c r="AB255" s="110"/>
      <c r="AC255" s="110"/>
      <c r="AD255" s="110"/>
      <c r="AE255" s="110"/>
      <c r="AF255" s="110"/>
      <c r="AG255" s="110"/>
      <c r="AH255" s="110"/>
      <c r="AI255" s="110"/>
      <c r="AJ255" s="110"/>
      <c r="AK255" s="110"/>
      <c r="AL255" s="110"/>
      <c r="AM255" s="110"/>
      <c r="AN255" s="110"/>
      <c r="AO255" s="111"/>
    </row>
    <row r="256" spans="1:41" ht="9.75" customHeight="1">
      <c r="A256" s="112"/>
      <c r="B256" s="113"/>
      <c r="C256" s="113"/>
      <c r="D256" s="113"/>
      <c r="E256" s="113"/>
      <c r="F256" s="113"/>
      <c r="G256" s="113"/>
      <c r="H256" s="113"/>
      <c r="I256" s="113"/>
      <c r="J256" s="113"/>
      <c r="K256" s="113"/>
      <c r="L256" s="113"/>
      <c r="M256" s="113"/>
      <c r="N256" s="113"/>
      <c r="O256" s="113"/>
      <c r="P256" s="113"/>
      <c r="Q256" s="113"/>
      <c r="R256" s="113"/>
      <c r="S256" s="113"/>
      <c r="T256" s="113"/>
      <c r="U256" s="113"/>
      <c r="V256" s="113"/>
      <c r="W256" s="113"/>
      <c r="X256" s="113"/>
      <c r="Y256" s="113"/>
      <c r="Z256" s="113"/>
      <c r="AA256" s="113"/>
      <c r="AB256" s="113"/>
      <c r="AC256" s="113"/>
      <c r="AD256" s="113"/>
      <c r="AE256" s="113"/>
      <c r="AF256" s="113"/>
      <c r="AG256" s="113"/>
      <c r="AH256" s="113"/>
      <c r="AI256" s="113"/>
      <c r="AJ256" s="113"/>
      <c r="AK256" s="113"/>
      <c r="AL256" s="113"/>
      <c r="AM256" s="113"/>
      <c r="AN256" s="113"/>
      <c r="AO256" s="114"/>
    </row>
    <row r="6972" spans="11:11" ht="9.75" customHeight="1">
      <c r="K6972" s="156" t="s">
        <v>73</v>
      </c>
    </row>
    <row r="7007" spans="25:25" ht="9.75" customHeight="1">
      <c r="Y7007" s="157"/>
    </row>
  </sheetData>
  <mergeCells count="175">
    <mergeCell ref="R7:S8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  <mergeCell ref="T5:T8"/>
    <mergeCell ref="U5:X5"/>
    <mergeCell ref="X6:X8"/>
    <mergeCell ref="P7:Q8"/>
    <mergeCell ref="P25:P27"/>
    <mergeCell ref="Q25:Q27"/>
    <mergeCell ref="P28:P30"/>
    <mergeCell ref="Q28:Q30"/>
    <mergeCell ref="P31:P33"/>
    <mergeCell ref="Q31:Q33"/>
    <mergeCell ref="E16:E18"/>
    <mergeCell ref="F16:F18"/>
    <mergeCell ref="P19:P21"/>
    <mergeCell ref="Q19:Q21"/>
    <mergeCell ref="E22:E24"/>
    <mergeCell ref="F22:F24"/>
    <mergeCell ref="E58:E60"/>
    <mergeCell ref="F58:F60"/>
    <mergeCell ref="P43:P45"/>
    <mergeCell ref="Q43:Q45"/>
    <mergeCell ref="P46:P48"/>
    <mergeCell ref="Q46:Q48"/>
    <mergeCell ref="P49:P51"/>
    <mergeCell ref="Q49:Q51"/>
    <mergeCell ref="P34:P36"/>
    <mergeCell ref="Q34:Q36"/>
    <mergeCell ref="P37:P39"/>
    <mergeCell ref="Q37:Q39"/>
    <mergeCell ref="P40:P42"/>
    <mergeCell ref="Q40:Q42"/>
    <mergeCell ref="P61:P63"/>
    <mergeCell ref="Q61:Q63"/>
    <mergeCell ref="P64:P66"/>
    <mergeCell ref="Q64:Q66"/>
    <mergeCell ref="P67:P69"/>
    <mergeCell ref="Q67:Q69"/>
    <mergeCell ref="P52:P54"/>
    <mergeCell ref="Q52:Q54"/>
    <mergeCell ref="P55:P57"/>
    <mergeCell ref="Q55:Q57"/>
    <mergeCell ref="A91:B94"/>
    <mergeCell ref="C91:D94"/>
    <mergeCell ref="E91:F94"/>
    <mergeCell ref="G91:S91"/>
    <mergeCell ref="P70:P72"/>
    <mergeCell ref="Q70:Q72"/>
    <mergeCell ref="P73:P75"/>
    <mergeCell ref="Q73:Q75"/>
    <mergeCell ref="P76:P78"/>
    <mergeCell ref="Q76:Q78"/>
    <mergeCell ref="Y91:Y94"/>
    <mergeCell ref="Z91:AO94"/>
    <mergeCell ref="G92:H94"/>
    <mergeCell ref="I92:J94"/>
    <mergeCell ref="K92:K94"/>
    <mergeCell ref="L92:M94"/>
    <mergeCell ref="N92:N94"/>
    <mergeCell ref="P92:S92"/>
    <mergeCell ref="P79:P81"/>
    <mergeCell ref="Q79:Q81"/>
    <mergeCell ref="P82:P84"/>
    <mergeCell ref="Q82:Q84"/>
    <mergeCell ref="U92:V94"/>
    <mergeCell ref="W92:W94"/>
    <mergeCell ref="X92:X94"/>
    <mergeCell ref="P93:Q94"/>
    <mergeCell ref="R93:S94"/>
    <mergeCell ref="P96:P98"/>
    <mergeCell ref="Q96:Q98"/>
    <mergeCell ref="T91:T94"/>
    <mergeCell ref="U91:X91"/>
    <mergeCell ref="P108:P110"/>
    <mergeCell ref="Q108:Q110"/>
    <mergeCell ref="P111:P113"/>
    <mergeCell ref="Q111:Q113"/>
    <mergeCell ref="P114:P116"/>
    <mergeCell ref="Q114:Q116"/>
    <mergeCell ref="P99:P101"/>
    <mergeCell ref="Q99:Q101"/>
    <mergeCell ref="E102:E104"/>
    <mergeCell ref="F102:F104"/>
    <mergeCell ref="P105:P107"/>
    <mergeCell ref="Q105:Q107"/>
    <mergeCell ref="P126:P128"/>
    <mergeCell ref="Q126:Q128"/>
    <mergeCell ref="P129:P131"/>
    <mergeCell ref="Q129:Q131"/>
    <mergeCell ref="P132:P134"/>
    <mergeCell ref="Q132:Q134"/>
    <mergeCell ref="P117:P119"/>
    <mergeCell ref="Q117:Q119"/>
    <mergeCell ref="P120:P122"/>
    <mergeCell ref="Q120:Q122"/>
    <mergeCell ref="P123:P125"/>
    <mergeCell ref="Q123:Q125"/>
    <mergeCell ref="P144:P146"/>
    <mergeCell ref="Q144:Q146"/>
    <mergeCell ref="P147:P149"/>
    <mergeCell ref="Q147:Q149"/>
    <mergeCell ref="P150:P152"/>
    <mergeCell ref="Q150:Q152"/>
    <mergeCell ref="P135:P137"/>
    <mergeCell ref="Q135:Q137"/>
    <mergeCell ref="E138:E140"/>
    <mergeCell ref="F138:F140"/>
    <mergeCell ref="P141:P143"/>
    <mergeCell ref="Q141:Q143"/>
    <mergeCell ref="P162:P164"/>
    <mergeCell ref="Q162:Q164"/>
    <mergeCell ref="P165:P167"/>
    <mergeCell ref="Q165:Q167"/>
    <mergeCell ref="P168:P170"/>
    <mergeCell ref="Q168:Q170"/>
    <mergeCell ref="P153:P155"/>
    <mergeCell ref="Q153:Q155"/>
    <mergeCell ref="P156:P158"/>
    <mergeCell ref="Q156:Q158"/>
    <mergeCell ref="P159:P161"/>
    <mergeCell ref="Q159:Q161"/>
    <mergeCell ref="A177:B180"/>
    <mergeCell ref="C177:D180"/>
    <mergeCell ref="E177:F180"/>
    <mergeCell ref="G177:S177"/>
    <mergeCell ref="T177:T180"/>
    <mergeCell ref="U177:X177"/>
    <mergeCell ref="X178:X180"/>
    <mergeCell ref="P179:Q180"/>
    <mergeCell ref="R179:S180"/>
    <mergeCell ref="P182:P184"/>
    <mergeCell ref="Q182:Q184"/>
    <mergeCell ref="P185:P187"/>
    <mergeCell ref="Q185:Q187"/>
    <mergeCell ref="E188:E190"/>
    <mergeCell ref="F188:F190"/>
    <mergeCell ref="Y177:Y180"/>
    <mergeCell ref="Z177:AO180"/>
    <mergeCell ref="G178:H180"/>
    <mergeCell ref="I178:J180"/>
    <mergeCell ref="K178:K180"/>
    <mergeCell ref="L178:M180"/>
    <mergeCell ref="N178:N180"/>
    <mergeCell ref="P178:S178"/>
    <mergeCell ref="U178:V180"/>
    <mergeCell ref="W178:W180"/>
    <mergeCell ref="P200:P202"/>
    <mergeCell ref="Q200:Q202"/>
    <mergeCell ref="A204:F204"/>
    <mergeCell ref="G204:H204"/>
    <mergeCell ref="P191:P193"/>
    <mergeCell ref="Q191:Q193"/>
    <mergeCell ref="C194:C196"/>
    <mergeCell ref="D194:D196"/>
    <mergeCell ref="E197:E199"/>
    <mergeCell ref="F197:F199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  <rowBreaks count="2" manualBreakCount="2">
    <brk id="86" max="16383" man="1"/>
    <brk id="172" max="1638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605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606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194" t="s">
        <v>607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608</v>
      </c>
      <c r="I12" s="35"/>
      <c r="J12" s="36" t="s">
        <v>30</v>
      </c>
      <c r="K12" s="37" t="s">
        <v>30</v>
      </c>
      <c r="L12" s="37" t="s">
        <v>608</v>
      </c>
      <c r="M12" s="38"/>
      <c r="N12" s="38"/>
      <c r="O12" s="39"/>
      <c r="P12" s="35"/>
      <c r="Q12" s="36"/>
      <c r="R12" s="35" t="s">
        <v>609</v>
      </c>
      <c r="S12" s="40"/>
      <c r="T12" s="41" t="s">
        <v>609</v>
      </c>
      <c r="U12" s="36" t="s">
        <v>30</v>
      </c>
      <c r="V12" s="35"/>
      <c r="W12" s="36" t="s">
        <v>3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78" t="s">
        <v>31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610</v>
      </c>
      <c r="I15" s="33"/>
      <c r="J15" s="59" t="s">
        <v>30</v>
      </c>
      <c r="K15" s="60" t="s">
        <v>30</v>
      </c>
      <c r="L15" s="60" t="s">
        <v>610</v>
      </c>
      <c r="M15" s="61"/>
      <c r="N15" s="61"/>
      <c r="O15" s="34"/>
      <c r="P15" s="33"/>
      <c r="Q15" s="59"/>
      <c r="R15" s="33" t="s">
        <v>611</v>
      </c>
      <c r="S15" s="62"/>
      <c r="T15" s="63" t="s">
        <v>611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34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610</v>
      </c>
      <c r="I18" s="33"/>
      <c r="J18" s="59" t="s">
        <v>30</v>
      </c>
      <c r="K18" s="60" t="s">
        <v>30</v>
      </c>
      <c r="L18" s="60" t="s">
        <v>610</v>
      </c>
      <c r="M18" s="61"/>
      <c r="N18" s="61"/>
      <c r="O18" s="34"/>
      <c r="P18" s="33"/>
      <c r="Q18" s="59"/>
      <c r="R18" s="33" t="s">
        <v>611</v>
      </c>
      <c r="S18" s="62"/>
      <c r="T18" s="63" t="s">
        <v>611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78" t="s">
        <v>34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610</v>
      </c>
      <c r="R21" s="33" t="s">
        <v>611</v>
      </c>
      <c r="S21" s="62"/>
      <c r="T21" s="63" t="s">
        <v>611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80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47"/>
      <c r="B23" s="75"/>
      <c r="C23" s="175" t="s">
        <v>36</v>
      </c>
      <c r="D23" s="178" t="s">
        <v>37</v>
      </c>
      <c r="E23" s="48"/>
      <c r="F23" s="49"/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176"/>
      <c r="D24" s="179"/>
      <c r="E24" s="33"/>
      <c r="F24" s="34"/>
      <c r="G24" s="33"/>
      <c r="H24" s="59" t="s">
        <v>612</v>
      </c>
      <c r="I24" s="33"/>
      <c r="J24" s="59" t="s">
        <v>30</v>
      </c>
      <c r="K24" s="60" t="s">
        <v>30</v>
      </c>
      <c r="L24" s="60" t="s">
        <v>612</v>
      </c>
      <c r="M24" s="61"/>
      <c r="N24" s="61"/>
      <c r="O24" s="58"/>
      <c r="P24" s="33"/>
      <c r="Q24" s="59"/>
      <c r="R24" s="33" t="s">
        <v>613</v>
      </c>
      <c r="S24" s="62"/>
      <c r="T24" s="63" t="s">
        <v>613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176"/>
      <c r="D25" s="179"/>
      <c r="E25" s="33"/>
      <c r="F25" s="34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175" t="s">
        <v>21</v>
      </c>
      <c r="F26" s="188" t="s">
        <v>41</v>
      </c>
      <c r="G26" s="48"/>
      <c r="H26" s="50"/>
      <c r="I26" s="48"/>
      <c r="J26" s="50"/>
      <c r="K26" s="51"/>
      <c r="L26" s="51"/>
      <c r="M26" s="52"/>
      <c r="N26" s="52"/>
      <c r="O26" s="49"/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176"/>
      <c r="F27" s="179"/>
      <c r="G27" s="33"/>
      <c r="H27" s="59" t="s">
        <v>612</v>
      </c>
      <c r="I27" s="33"/>
      <c r="J27" s="59" t="s">
        <v>30</v>
      </c>
      <c r="K27" s="60" t="s">
        <v>30</v>
      </c>
      <c r="L27" s="60" t="s">
        <v>612</v>
      </c>
      <c r="M27" s="61"/>
      <c r="N27" s="61"/>
      <c r="O27" s="34"/>
      <c r="P27" s="33"/>
      <c r="Q27" s="59"/>
      <c r="R27" s="33" t="s">
        <v>613</v>
      </c>
      <c r="S27" s="62"/>
      <c r="T27" s="63" t="s">
        <v>613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64"/>
      <c r="D28" s="77"/>
      <c r="E28" s="177"/>
      <c r="F28" s="180"/>
      <c r="G28" s="64"/>
      <c r="H28" s="66"/>
      <c r="I28" s="64"/>
      <c r="J28" s="66"/>
      <c r="K28" s="67"/>
      <c r="L28" s="67"/>
      <c r="M28" s="68"/>
      <c r="N28" s="68"/>
      <c r="O28" s="77"/>
      <c r="P28" s="64"/>
      <c r="Q28" s="66"/>
      <c r="R28" s="64"/>
      <c r="S28" s="69"/>
      <c r="T28" s="70"/>
      <c r="U28" s="66"/>
      <c r="V28" s="64"/>
      <c r="W28" s="66"/>
      <c r="X28" s="71"/>
      <c r="Y28" s="71"/>
      <c r="Z28" s="71"/>
      <c r="AA28" s="71"/>
      <c r="AB28" s="72"/>
      <c r="AC28" s="72"/>
      <c r="AD28" s="72"/>
      <c r="AE28" s="72"/>
      <c r="AF28" s="72"/>
      <c r="AG28" s="72"/>
      <c r="AH28" s="72"/>
      <c r="AI28" s="72"/>
      <c r="AJ28" s="72"/>
      <c r="AK28" s="73"/>
      <c r="AL28" s="73"/>
      <c r="AM28" s="74"/>
    </row>
    <row r="29" spans="1:39" s="46" customFormat="1" ht="9.75" customHeight="1">
      <c r="A29" s="47"/>
      <c r="B29" s="75"/>
      <c r="C29" s="175" t="s">
        <v>52</v>
      </c>
      <c r="D29" s="178" t="s">
        <v>53</v>
      </c>
      <c r="E29" s="48"/>
      <c r="F29" s="49"/>
      <c r="G29" s="48"/>
      <c r="H29" s="50"/>
      <c r="I29" s="48"/>
      <c r="J29" s="50"/>
      <c r="K29" s="51"/>
      <c r="L29" s="51"/>
      <c r="M29" s="52"/>
      <c r="N29" s="52"/>
      <c r="O29" s="76"/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47"/>
      <c r="B30" s="75"/>
      <c r="C30" s="176"/>
      <c r="D30" s="179"/>
      <c r="E30" s="33"/>
      <c r="F30" s="34"/>
      <c r="G30" s="33"/>
      <c r="H30" s="59" t="s">
        <v>614</v>
      </c>
      <c r="I30" s="33"/>
      <c r="J30" s="59" t="s">
        <v>30</v>
      </c>
      <c r="K30" s="60" t="s">
        <v>30</v>
      </c>
      <c r="L30" s="60" t="s">
        <v>614</v>
      </c>
      <c r="M30" s="61"/>
      <c r="N30" s="61"/>
      <c r="O30" s="58"/>
      <c r="P30" s="33"/>
      <c r="Q30" s="59"/>
      <c r="R30" s="33" t="s">
        <v>615</v>
      </c>
      <c r="S30" s="62"/>
      <c r="T30" s="63" t="s">
        <v>615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47"/>
      <c r="B31" s="75"/>
      <c r="C31" s="176"/>
      <c r="D31" s="179"/>
      <c r="E31" s="33"/>
      <c r="F31" s="34"/>
      <c r="G31" s="33"/>
      <c r="H31" s="59"/>
      <c r="I31" s="33"/>
      <c r="J31" s="59"/>
      <c r="K31" s="60"/>
      <c r="L31" s="60"/>
      <c r="M31" s="61"/>
      <c r="N31" s="61"/>
      <c r="O31" s="58"/>
      <c r="P31" s="33"/>
      <c r="Q31" s="59"/>
      <c r="R31" s="33"/>
      <c r="S31" s="62"/>
      <c r="T31" s="63"/>
      <c r="U31" s="59"/>
      <c r="V31" s="33"/>
      <c r="W31" s="59"/>
      <c r="X31" s="27"/>
      <c r="Y31" s="27"/>
      <c r="Z31" s="27"/>
      <c r="AA31" s="27"/>
      <c r="AB31" s="28"/>
      <c r="AC31" s="28"/>
      <c r="AD31" s="28"/>
      <c r="AE31" s="28"/>
      <c r="AF31" s="28"/>
      <c r="AG31" s="28"/>
      <c r="AH31" s="28"/>
      <c r="AI31" s="28"/>
      <c r="AJ31" s="28"/>
      <c r="AK31" s="29"/>
      <c r="AL31" s="29"/>
      <c r="AM31" s="30"/>
    </row>
    <row r="32" spans="1:39" s="46" customFormat="1" ht="9.75" customHeight="1">
      <c r="A32" s="47"/>
      <c r="B32" s="39"/>
      <c r="C32" s="33"/>
      <c r="D32" s="34"/>
      <c r="E32" s="175" t="s">
        <v>21</v>
      </c>
      <c r="F32" s="178" t="s">
        <v>53</v>
      </c>
      <c r="G32" s="48"/>
      <c r="H32" s="50"/>
      <c r="I32" s="48"/>
      <c r="J32" s="50"/>
      <c r="K32" s="51"/>
      <c r="L32" s="51"/>
      <c r="M32" s="52"/>
      <c r="N32" s="52"/>
      <c r="O32" s="49"/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57"/>
      <c r="B33" s="58"/>
      <c r="C33" s="33"/>
      <c r="D33" s="34"/>
      <c r="E33" s="176"/>
      <c r="F33" s="179"/>
      <c r="G33" s="33"/>
      <c r="H33" s="59" t="s">
        <v>614</v>
      </c>
      <c r="I33" s="33"/>
      <c r="J33" s="59" t="s">
        <v>30</v>
      </c>
      <c r="K33" s="60" t="s">
        <v>30</v>
      </c>
      <c r="L33" s="60" t="s">
        <v>614</v>
      </c>
      <c r="M33" s="61"/>
      <c r="N33" s="61"/>
      <c r="O33" s="34"/>
      <c r="P33" s="33"/>
      <c r="Q33" s="59"/>
      <c r="R33" s="33" t="s">
        <v>615</v>
      </c>
      <c r="S33" s="62"/>
      <c r="T33" s="63" t="s">
        <v>615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57"/>
      <c r="B34" s="58"/>
      <c r="C34" s="64"/>
      <c r="D34" s="77"/>
      <c r="E34" s="177"/>
      <c r="F34" s="180"/>
      <c r="G34" s="64"/>
      <c r="H34" s="66"/>
      <c r="I34" s="64"/>
      <c r="J34" s="66"/>
      <c r="K34" s="67"/>
      <c r="L34" s="67"/>
      <c r="M34" s="68"/>
      <c r="N34" s="68"/>
      <c r="O34" s="77"/>
      <c r="P34" s="64"/>
      <c r="Q34" s="66"/>
      <c r="R34" s="64"/>
      <c r="S34" s="69"/>
      <c r="T34" s="70"/>
      <c r="U34" s="66"/>
      <c r="V34" s="64"/>
      <c r="W34" s="66"/>
      <c r="X34" s="71"/>
      <c r="Y34" s="71"/>
      <c r="Z34" s="71"/>
      <c r="AA34" s="71"/>
      <c r="AB34" s="72"/>
      <c r="AC34" s="72"/>
      <c r="AD34" s="72"/>
      <c r="AE34" s="72"/>
      <c r="AF34" s="72"/>
      <c r="AG34" s="72"/>
      <c r="AH34" s="72"/>
      <c r="AI34" s="72"/>
      <c r="AJ34" s="72"/>
      <c r="AK34" s="73"/>
      <c r="AL34" s="73"/>
      <c r="AM34" s="74"/>
    </row>
    <row r="35" spans="1:39" s="46" customFormat="1" ht="9.75" customHeight="1">
      <c r="A35" s="47"/>
      <c r="B35" s="75"/>
      <c r="C35" s="175" t="s">
        <v>57</v>
      </c>
      <c r="D35" s="178" t="s">
        <v>58</v>
      </c>
      <c r="E35" s="48"/>
      <c r="F35" s="49"/>
      <c r="G35" s="48"/>
      <c r="H35" s="50"/>
      <c r="I35" s="48"/>
      <c r="J35" s="50"/>
      <c r="K35" s="51"/>
      <c r="L35" s="51"/>
      <c r="M35" s="52"/>
      <c r="N35" s="52"/>
      <c r="O35" s="76"/>
      <c r="P35" s="48"/>
      <c r="Q35" s="50"/>
      <c r="R35" s="48"/>
      <c r="S35" s="53"/>
      <c r="T35" s="54"/>
      <c r="U35" s="50"/>
      <c r="V35" s="48"/>
      <c r="W35" s="50"/>
      <c r="X35" s="55" t="s">
        <v>3</v>
      </c>
      <c r="Y35" s="55"/>
      <c r="Z35" s="55"/>
      <c r="AA35" s="55"/>
      <c r="AB35" s="56"/>
      <c r="AC35" s="56"/>
      <c r="AD35" s="56"/>
      <c r="AE35" s="56"/>
      <c r="AF35" s="56"/>
      <c r="AG35" s="56"/>
      <c r="AH35" s="56"/>
      <c r="AI35" s="56"/>
      <c r="AJ35" s="56"/>
      <c r="AK35" s="19"/>
      <c r="AL35" s="19"/>
      <c r="AM35" s="26"/>
    </row>
    <row r="36" spans="1:39" s="46" customFormat="1" ht="9.75" customHeight="1">
      <c r="A36" s="47"/>
      <c r="B36" s="75"/>
      <c r="C36" s="176"/>
      <c r="D36" s="179"/>
      <c r="E36" s="33"/>
      <c r="F36" s="34"/>
      <c r="G36" s="33"/>
      <c r="H36" s="59" t="s">
        <v>292</v>
      </c>
      <c r="I36" s="33"/>
      <c r="J36" s="59" t="s">
        <v>30</v>
      </c>
      <c r="K36" s="60" t="s">
        <v>30</v>
      </c>
      <c r="L36" s="60" t="s">
        <v>292</v>
      </c>
      <c r="M36" s="61"/>
      <c r="N36" s="61"/>
      <c r="O36" s="58"/>
      <c r="P36" s="33"/>
      <c r="Q36" s="59"/>
      <c r="R36" s="33" t="s">
        <v>616</v>
      </c>
      <c r="S36" s="62"/>
      <c r="T36" s="63" t="s">
        <v>616</v>
      </c>
      <c r="U36" s="59" t="s">
        <v>30</v>
      </c>
      <c r="V36" s="33"/>
      <c r="W36" s="59" t="s">
        <v>30</v>
      </c>
      <c r="X36" s="27"/>
      <c r="Y36" s="27"/>
      <c r="Z36" s="27"/>
      <c r="AA36" s="27"/>
      <c r="AB36" s="28"/>
      <c r="AC36" s="28"/>
      <c r="AD36" s="28"/>
      <c r="AE36" s="28"/>
      <c r="AF36" s="28"/>
      <c r="AG36" s="28"/>
      <c r="AH36" s="28"/>
      <c r="AI36" s="28"/>
      <c r="AJ36" s="28"/>
      <c r="AK36" s="29"/>
      <c r="AL36" s="29"/>
      <c r="AM36" s="30"/>
    </row>
    <row r="37" spans="1:39" s="46" customFormat="1" ht="9.75" customHeight="1">
      <c r="A37" s="47"/>
      <c r="B37" s="75"/>
      <c r="C37" s="176"/>
      <c r="D37" s="179"/>
      <c r="E37" s="33"/>
      <c r="F37" s="34"/>
      <c r="G37" s="33"/>
      <c r="H37" s="59"/>
      <c r="I37" s="33"/>
      <c r="J37" s="59"/>
      <c r="K37" s="60"/>
      <c r="L37" s="60"/>
      <c r="M37" s="61"/>
      <c r="N37" s="61"/>
      <c r="O37" s="58"/>
      <c r="P37" s="33"/>
      <c r="Q37" s="59"/>
      <c r="R37" s="33"/>
      <c r="S37" s="62"/>
      <c r="T37" s="63"/>
      <c r="U37" s="59"/>
      <c r="V37" s="33"/>
      <c r="W37" s="59"/>
      <c r="X37" s="27"/>
      <c r="Y37" s="27"/>
      <c r="Z37" s="27"/>
      <c r="AA37" s="27"/>
      <c r="AB37" s="28"/>
      <c r="AC37" s="28"/>
      <c r="AD37" s="28"/>
      <c r="AE37" s="28"/>
      <c r="AF37" s="28"/>
      <c r="AG37" s="28"/>
      <c r="AH37" s="28"/>
      <c r="AI37" s="28"/>
      <c r="AJ37" s="28"/>
      <c r="AK37" s="29"/>
      <c r="AL37" s="29"/>
      <c r="AM37" s="30"/>
    </row>
    <row r="38" spans="1:39" s="46" customFormat="1" ht="9.75" customHeight="1">
      <c r="A38" s="47"/>
      <c r="B38" s="39"/>
      <c r="C38" s="33"/>
      <c r="D38" s="34"/>
      <c r="E38" s="175" t="s">
        <v>21</v>
      </c>
      <c r="F38" s="178" t="s">
        <v>61</v>
      </c>
      <c r="G38" s="48"/>
      <c r="H38" s="50"/>
      <c r="I38" s="48"/>
      <c r="J38" s="50"/>
      <c r="K38" s="51"/>
      <c r="L38" s="51"/>
      <c r="M38" s="52"/>
      <c r="N38" s="52"/>
      <c r="O38" s="49"/>
      <c r="P38" s="48"/>
      <c r="Q38" s="50"/>
      <c r="R38" s="48"/>
      <c r="S38" s="53"/>
      <c r="T38" s="54"/>
      <c r="U38" s="50"/>
      <c r="V38" s="48"/>
      <c r="W38" s="50"/>
      <c r="X38" s="55" t="s">
        <v>3</v>
      </c>
      <c r="Y38" s="55"/>
      <c r="Z38" s="55"/>
      <c r="AA38" s="55"/>
      <c r="AB38" s="56"/>
      <c r="AC38" s="56"/>
      <c r="AD38" s="56"/>
      <c r="AE38" s="56"/>
      <c r="AF38" s="56"/>
      <c r="AG38" s="56"/>
      <c r="AH38" s="56"/>
      <c r="AI38" s="56"/>
      <c r="AJ38" s="56"/>
      <c r="AK38" s="19"/>
      <c r="AL38" s="19"/>
      <c r="AM38" s="26"/>
    </row>
    <row r="39" spans="1:39" s="46" customFormat="1" ht="9.75" customHeight="1">
      <c r="A39" s="57"/>
      <c r="B39" s="58"/>
      <c r="C39" s="33"/>
      <c r="D39" s="34"/>
      <c r="E39" s="176"/>
      <c r="F39" s="179"/>
      <c r="G39" s="33"/>
      <c r="H39" s="59" t="s">
        <v>292</v>
      </c>
      <c r="I39" s="33"/>
      <c r="J39" s="59" t="s">
        <v>30</v>
      </c>
      <c r="K39" s="60" t="s">
        <v>30</v>
      </c>
      <c r="L39" s="60" t="s">
        <v>292</v>
      </c>
      <c r="M39" s="61"/>
      <c r="N39" s="61"/>
      <c r="O39" s="34"/>
      <c r="P39" s="33"/>
      <c r="Q39" s="59"/>
      <c r="R39" s="33" t="s">
        <v>616</v>
      </c>
      <c r="S39" s="62"/>
      <c r="T39" s="63" t="s">
        <v>616</v>
      </c>
      <c r="U39" s="59" t="s">
        <v>30</v>
      </c>
      <c r="V39" s="33"/>
      <c r="W39" s="59" t="s">
        <v>30</v>
      </c>
      <c r="X39" s="27"/>
      <c r="Y39" s="27"/>
      <c r="Z39" s="27"/>
      <c r="AA39" s="27"/>
      <c r="AB39" s="28"/>
      <c r="AC39" s="28"/>
      <c r="AD39" s="28"/>
      <c r="AE39" s="28"/>
      <c r="AF39" s="28"/>
      <c r="AG39" s="28"/>
      <c r="AH39" s="28"/>
      <c r="AI39" s="28"/>
      <c r="AJ39" s="28"/>
      <c r="AK39" s="29"/>
      <c r="AL39" s="29"/>
      <c r="AM39" s="30"/>
    </row>
    <row r="40" spans="1:39" s="46" customFormat="1" ht="9.75" customHeight="1">
      <c r="A40" s="158"/>
      <c r="B40" s="65"/>
      <c r="C40" s="64"/>
      <c r="D40" s="77"/>
      <c r="E40" s="177"/>
      <c r="F40" s="180"/>
      <c r="G40" s="64"/>
      <c r="H40" s="66"/>
      <c r="I40" s="64"/>
      <c r="J40" s="66"/>
      <c r="K40" s="67"/>
      <c r="L40" s="67"/>
      <c r="M40" s="68"/>
      <c r="N40" s="68"/>
      <c r="O40" s="77"/>
      <c r="P40" s="64"/>
      <c r="Q40" s="66"/>
      <c r="R40" s="64"/>
      <c r="S40" s="69"/>
      <c r="T40" s="70"/>
      <c r="U40" s="66"/>
      <c r="V40" s="64"/>
      <c r="W40" s="66"/>
      <c r="X40" s="71"/>
      <c r="Y40" s="71"/>
      <c r="Z40" s="71"/>
      <c r="AA40" s="71"/>
      <c r="AB40" s="72"/>
      <c r="AC40" s="72"/>
      <c r="AD40" s="72"/>
      <c r="AE40" s="72"/>
      <c r="AF40" s="72"/>
      <c r="AG40" s="72"/>
      <c r="AH40" s="72"/>
      <c r="AI40" s="72"/>
      <c r="AJ40" s="72"/>
      <c r="AK40" s="73"/>
      <c r="AL40" s="73"/>
      <c r="AM40" s="74"/>
    </row>
    <row r="41" spans="1:39" s="46" customFormat="1" ht="9.75" customHeight="1">
      <c r="A41" s="80"/>
      <c r="B41" s="81"/>
      <c r="C41" s="81"/>
      <c r="D41" s="81"/>
      <c r="E41" s="81"/>
      <c r="F41" s="81"/>
      <c r="G41" s="82"/>
      <c r="H41" s="83"/>
      <c r="I41" s="82"/>
      <c r="J41" s="83"/>
      <c r="K41" s="84"/>
      <c r="L41" s="84"/>
      <c r="M41" s="85"/>
      <c r="N41" s="85"/>
      <c r="O41" s="86"/>
      <c r="P41" s="82"/>
      <c r="Q41" s="83"/>
      <c r="R41" s="82"/>
      <c r="S41" s="87"/>
      <c r="T41" s="88"/>
      <c r="U41" s="83"/>
      <c r="V41" s="82"/>
      <c r="W41" s="83"/>
      <c r="X41" s="89" t="s">
        <v>3</v>
      </c>
      <c r="Y41" s="89"/>
      <c r="Z41" s="89"/>
      <c r="AA41" s="89"/>
      <c r="AB41" s="90"/>
      <c r="AC41" s="90"/>
      <c r="AD41" s="90"/>
      <c r="AE41" s="90"/>
      <c r="AF41" s="90"/>
      <c r="AG41" s="90"/>
      <c r="AH41" s="90"/>
      <c r="AI41" s="90"/>
      <c r="AJ41" s="90"/>
      <c r="AK41" s="91"/>
      <c r="AL41" s="91"/>
      <c r="AM41" s="92"/>
    </row>
    <row r="42" spans="1:39" s="46" customFormat="1" ht="9.75" customHeight="1">
      <c r="A42" s="181" t="s">
        <v>65</v>
      </c>
      <c r="B42" s="182"/>
      <c r="C42" s="183"/>
      <c r="D42" s="183"/>
      <c r="E42" s="183"/>
      <c r="F42" s="184"/>
      <c r="G42" s="35"/>
      <c r="H42" s="36" t="s">
        <v>608</v>
      </c>
      <c r="I42" s="35"/>
      <c r="J42" s="36" t="s">
        <v>30</v>
      </c>
      <c r="K42" s="37" t="s">
        <v>30</v>
      </c>
      <c r="L42" s="37" t="s">
        <v>608</v>
      </c>
      <c r="M42" s="38"/>
      <c r="N42" s="38"/>
      <c r="O42" s="39"/>
      <c r="P42" s="35"/>
      <c r="Q42" s="36"/>
      <c r="R42" s="35" t="s">
        <v>609</v>
      </c>
      <c r="S42" s="40"/>
      <c r="T42" s="41" t="s">
        <v>609</v>
      </c>
      <c r="U42" s="36" t="s">
        <v>30</v>
      </c>
      <c r="V42" s="35"/>
      <c r="W42" s="36" t="s">
        <v>30</v>
      </c>
      <c r="X42" s="42"/>
      <c r="Y42" s="42"/>
      <c r="Z42" s="42"/>
      <c r="AA42" s="42"/>
      <c r="AB42" s="43"/>
      <c r="AC42" s="43"/>
      <c r="AD42" s="43"/>
      <c r="AE42" s="43"/>
      <c r="AF42" s="43"/>
      <c r="AG42" s="43"/>
      <c r="AH42" s="43"/>
      <c r="AI42" s="43"/>
      <c r="AJ42" s="43"/>
      <c r="AK42" s="44"/>
      <c r="AL42" s="44"/>
      <c r="AM42" s="45"/>
    </row>
    <row r="43" spans="1:39" s="46" customFormat="1" ht="9.75" customHeight="1">
      <c r="A43" s="93"/>
      <c r="B43" s="94"/>
      <c r="C43" s="94"/>
      <c r="D43" s="94"/>
      <c r="E43" s="94"/>
      <c r="F43" s="94"/>
      <c r="G43" s="95"/>
      <c r="H43" s="96"/>
      <c r="I43" s="95"/>
      <c r="J43" s="96"/>
      <c r="K43" s="97"/>
      <c r="L43" s="97"/>
      <c r="M43" s="98"/>
      <c r="N43" s="98"/>
      <c r="O43" s="99"/>
      <c r="P43" s="95"/>
      <c r="Q43" s="96"/>
      <c r="R43" s="95"/>
      <c r="S43" s="100"/>
      <c r="T43" s="101"/>
      <c r="U43" s="96"/>
      <c r="V43" s="95"/>
      <c r="W43" s="96"/>
      <c r="X43" s="102"/>
      <c r="Y43" s="102"/>
      <c r="Z43" s="102"/>
      <c r="AA43" s="102"/>
      <c r="AB43" s="103"/>
      <c r="AC43" s="103"/>
      <c r="AD43" s="103"/>
      <c r="AE43" s="103"/>
      <c r="AF43" s="103"/>
      <c r="AG43" s="103"/>
      <c r="AH43" s="103"/>
      <c r="AI43" s="103"/>
      <c r="AJ43" s="103"/>
      <c r="AK43" s="104"/>
      <c r="AL43" s="104"/>
      <c r="AM43" s="155"/>
    </row>
    <row r="44" spans="1:39" ht="9.75" customHeight="1">
      <c r="A44" s="105"/>
      <c r="B44" s="106"/>
      <c r="C44" s="106"/>
      <c r="D44" s="106"/>
      <c r="E44" s="106"/>
      <c r="F44" s="106"/>
      <c r="G44" s="106"/>
      <c r="H44" s="106"/>
      <c r="I44" s="106"/>
      <c r="J44" s="106"/>
      <c r="K44" s="106"/>
      <c r="L44" s="106"/>
      <c r="M44" s="106"/>
      <c r="N44" s="106"/>
      <c r="O44" s="106"/>
      <c r="P44" s="106"/>
      <c r="Q44" s="106"/>
      <c r="R44" s="106"/>
      <c r="S44" s="106"/>
      <c r="T44" s="106"/>
      <c r="U44" s="106"/>
      <c r="V44" s="106"/>
      <c r="W44" s="106"/>
      <c r="X44" s="107"/>
      <c r="Y44" s="107"/>
      <c r="Z44" s="107"/>
      <c r="AA44" s="107"/>
      <c r="AB44" s="107"/>
      <c r="AC44" s="107"/>
      <c r="AD44" s="107"/>
      <c r="AE44" s="107"/>
      <c r="AF44" s="107"/>
      <c r="AG44" s="107"/>
      <c r="AH44" s="107"/>
      <c r="AI44" s="107"/>
      <c r="AJ44" s="107"/>
      <c r="AK44" s="107"/>
      <c r="AL44" s="107"/>
      <c r="AM44" s="108"/>
    </row>
    <row r="45" spans="1:39" ht="9.75" customHeight="1">
      <c r="A45" s="109"/>
      <c r="B45" s="110"/>
      <c r="C45" s="110"/>
      <c r="D45" s="110"/>
      <c r="E45" s="110"/>
      <c r="F45" s="110"/>
      <c r="G45" s="110"/>
      <c r="H45" s="110"/>
      <c r="I45" s="110"/>
      <c r="J45" s="110"/>
      <c r="K45" s="110"/>
      <c r="L45" s="110"/>
      <c r="M45" s="110"/>
      <c r="N45" s="110"/>
      <c r="O45" s="110"/>
      <c r="P45" s="110"/>
      <c r="Q45" s="110"/>
      <c r="R45" s="110"/>
      <c r="S45" s="110"/>
      <c r="T45" s="110"/>
      <c r="U45" s="110"/>
      <c r="V45" s="110"/>
      <c r="W45" s="110"/>
      <c r="X45" s="110"/>
      <c r="Y45" s="110"/>
      <c r="Z45" s="110"/>
      <c r="AA45" s="110"/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0"/>
      <c r="AM45" s="111"/>
    </row>
    <row r="46" spans="1:39" ht="9.75" customHeight="1">
      <c r="A46" s="109"/>
      <c r="B46" s="110"/>
      <c r="C46" s="110"/>
      <c r="D46" s="110"/>
      <c r="E46" s="110"/>
      <c r="F46" s="110"/>
      <c r="G46" s="110"/>
      <c r="H46" s="110"/>
      <c r="I46" s="110"/>
      <c r="J46" s="110"/>
      <c r="K46" s="110"/>
      <c r="L46" s="110"/>
      <c r="M46" s="110"/>
      <c r="N46" s="110"/>
      <c r="O46" s="110"/>
      <c r="P46" s="110"/>
      <c r="Q46" s="110"/>
      <c r="R46" s="110"/>
      <c r="S46" s="110"/>
      <c r="T46" s="110"/>
      <c r="U46" s="110"/>
      <c r="V46" s="110"/>
      <c r="W46" s="110"/>
      <c r="X46" s="110"/>
      <c r="Y46" s="110"/>
      <c r="Z46" s="110"/>
      <c r="AA46" s="110"/>
      <c r="AB46" s="110"/>
      <c r="AC46" s="110"/>
      <c r="AD46" s="110"/>
      <c r="AE46" s="110"/>
      <c r="AF46" s="110"/>
      <c r="AG46" s="110"/>
      <c r="AH46" s="110"/>
      <c r="AI46" s="110"/>
      <c r="AJ46" s="110"/>
      <c r="AK46" s="110"/>
      <c r="AL46" s="110"/>
      <c r="AM46" s="111"/>
    </row>
    <row r="47" spans="1:39" ht="9.75" customHeight="1">
      <c r="A47" s="109"/>
      <c r="B47" s="110"/>
      <c r="C47" s="110"/>
      <c r="D47" s="110"/>
      <c r="E47" s="110"/>
      <c r="F47" s="110"/>
      <c r="G47" s="110"/>
      <c r="H47" s="110"/>
      <c r="I47" s="110"/>
      <c r="J47" s="110"/>
      <c r="K47" s="110"/>
      <c r="L47" s="110"/>
      <c r="M47" s="110"/>
      <c r="N47" s="110"/>
      <c r="O47" s="110"/>
      <c r="P47" s="110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1"/>
    </row>
    <row r="48" spans="1:39" ht="9.75" customHeight="1">
      <c r="A48" s="109"/>
      <c r="B48" s="110"/>
      <c r="C48" s="110"/>
      <c r="D48" s="110"/>
      <c r="E48" s="110"/>
      <c r="F48" s="110"/>
      <c r="G48" s="110"/>
      <c r="H48" s="110"/>
      <c r="I48" s="110"/>
      <c r="J48" s="110"/>
      <c r="K48" s="110"/>
      <c r="L48" s="110"/>
      <c r="M48" s="110"/>
      <c r="N48" s="110"/>
      <c r="O48" s="110"/>
      <c r="P48" s="110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1"/>
    </row>
    <row r="49" spans="1:39" ht="9.75" customHeight="1">
      <c r="A49" s="109"/>
      <c r="B49" s="110"/>
      <c r="C49" s="110"/>
      <c r="D49" s="110"/>
      <c r="E49" s="110"/>
      <c r="F49" s="110"/>
      <c r="G49" s="110"/>
      <c r="H49" s="110"/>
      <c r="I49" s="110"/>
      <c r="J49" s="110"/>
      <c r="K49" s="110"/>
      <c r="L49" s="110"/>
      <c r="M49" s="110"/>
      <c r="N49" s="110"/>
      <c r="O49" s="110"/>
      <c r="P49" s="110"/>
      <c r="Q49" s="110"/>
      <c r="R49" s="110"/>
      <c r="S49" s="110"/>
      <c r="T49" s="110"/>
      <c r="U49" s="110"/>
      <c r="V49" s="110"/>
      <c r="W49" s="110"/>
      <c r="X49" s="110"/>
      <c r="Y49" s="110"/>
      <c r="Z49" s="110"/>
      <c r="AA49" s="110"/>
      <c r="AB49" s="110"/>
      <c r="AC49" s="110"/>
      <c r="AD49" s="110"/>
      <c r="AE49" s="110"/>
      <c r="AF49" s="110"/>
      <c r="AG49" s="110"/>
      <c r="AH49" s="110"/>
      <c r="AI49" s="110"/>
      <c r="AJ49" s="110"/>
      <c r="AK49" s="110"/>
      <c r="AL49" s="110"/>
      <c r="AM49" s="111"/>
    </row>
    <row r="50" spans="1:39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1"/>
    </row>
    <row r="51" spans="1:39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1"/>
    </row>
    <row r="52" spans="1:39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1"/>
    </row>
    <row r="53" spans="1:39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1"/>
    </row>
    <row r="54" spans="1:39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1"/>
    </row>
    <row r="55" spans="1:39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1"/>
    </row>
    <row r="56" spans="1:39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1"/>
    </row>
    <row r="57" spans="1:39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1"/>
    </row>
    <row r="58" spans="1:39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1"/>
    </row>
    <row r="59" spans="1:39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1"/>
    </row>
    <row r="60" spans="1:39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1"/>
    </row>
    <row r="61" spans="1:39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1"/>
    </row>
    <row r="62" spans="1:39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1"/>
    </row>
    <row r="63" spans="1:39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1"/>
    </row>
    <row r="64" spans="1:39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1"/>
    </row>
    <row r="65" spans="1:39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1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39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C23:C25"/>
    <mergeCell ref="D23:D25"/>
    <mergeCell ref="E26:E28"/>
    <mergeCell ref="F26:F28"/>
    <mergeCell ref="E38:E40"/>
    <mergeCell ref="F38:F40"/>
    <mergeCell ref="A42:F42"/>
    <mergeCell ref="C29:C31"/>
    <mergeCell ref="D29:D31"/>
    <mergeCell ref="E32:E34"/>
    <mergeCell ref="F32:F34"/>
    <mergeCell ref="C35:C37"/>
    <mergeCell ref="D35:D37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3" max="84" man="1"/>
  </col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617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194" t="s">
        <v>618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608</v>
      </c>
      <c r="I11" s="35"/>
      <c r="J11" s="36" t="s">
        <v>30</v>
      </c>
      <c r="K11" s="124" t="s">
        <v>30</v>
      </c>
      <c r="L11" s="35"/>
      <c r="M11" s="125" t="s">
        <v>30</v>
      </c>
      <c r="N11" s="37" t="s">
        <v>608</v>
      </c>
      <c r="O11" s="38"/>
      <c r="P11" s="186"/>
      <c r="Q11" s="234"/>
      <c r="R11" s="35"/>
      <c r="S11" s="38"/>
      <c r="T11" s="126" t="s">
        <v>619</v>
      </c>
      <c r="U11" s="38"/>
      <c r="V11" s="36" t="s">
        <v>30</v>
      </c>
      <c r="W11" s="37" t="s">
        <v>30</v>
      </c>
      <c r="X11" s="37" t="s">
        <v>30</v>
      </c>
      <c r="Y11" s="37" t="s">
        <v>620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78" t="s">
        <v>108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621</v>
      </c>
      <c r="I14" s="33"/>
      <c r="J14" s="59" t="s">
        <v>30</v>
      </c>
      <c r="K14" s="132" t="s">
        <v>30</v>
      </c>
      <c r="L14" s="33"/>
      <c r="M14" s="133" t="s">
        <v>30</v>
      </c>
      <c r="N14" s="60" t="s">
        <v>621</v>
      </c>
      <c r="O14" s="61"/>
      <c r="P14" s="61"/>
      <c r="Q14" s="34"/>
      <c r="R14" s="33"/>
      <c r="S14" s="61"/>
      <c r="T14" s="134" t="s">
        <v>622</v>
      </c>
      <c r="U14" s="61"/>
      <c r="V14" s="59" t="s">
        <v>30</v>
      </c>
      <c r="W14" s="60" t="s">
        <v>30</v>
      </c>
      <c r="X14" s="60" t="s">
        <v>30</v>
      </c>
      <c r="Y14" s="60" t="s">
        <v>623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88" t="s">
        <v>624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79"/>
      <c r="G17" s="33"/>
      <c r="H17" s="59" t="s">
        <v>621</v>
      </c>
      <c r="I17" s="33"/>
      <c r="J17" s="59" t="s">
        <v>30</v>
      </c>
      <c r="K17" s="132" t="s">
        <v>30</v>
      </c>
      <c r="L17" s="33"/>
      <c r="M17" s="133" t="s">
        <v>30</v>
      </c>
      <c r="N17" s="60" t="s">
        <v>621</v>
      </c>
      <c r="O17" s="61"/>
      <c r="P17" s="61"/>
      <c r="Q17" s="34"/>
      <c r="R17" s="33"/>
      <c r="S17" s="61"/>
      <c r="T17" s="134" t="s">
        <v>622</v>
      </c>
      <c r="U17" s="61"/>
      <c r="V17" s="59" t="s">
        <v>30</v>
      </c>
      <c r="W17" s="60" t="s">
        <v>30</v>
      </c>
      <c r="X17" s="60" t="s">
        <v>30</v>
      </c>
      <c r="Y17" s="60" t="s">
        <v>623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79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07</v>
      </c>
      <c r="Q19" s="178" t="s">
        <v>108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621</v>
      </c>
      <c r="T20" s="134" t="s">
        <v>622</v>
      </c>
      <c r="U20" s="61"/>
      <c r="V20" s="59" t="s">
        <v>30</v>
      </c>
      <c r="W20" s="60" t="s">
        <v>30</v>
      </c>
      <c r="X20" s="60" t="s">
        <v>30</v>
      </c>
      <c r="Y20" s="60" t="s">
        <v>623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64"/>
      <c r="D21" s="136"/>
      <c r="E21" s="64"/>
      <c r="F21" s="65"/>
      <c r="G21" s="64"/>
      <c r="H21" s="66"/>
      <c r="I21" s="64"/>
      <c r="J21" s="66"/>
      <c r="K21" s="137"/>
      <c r="L21" s="64"/>
      <c r="M21" s="138"/>
      <c r="N21" s="67"/>
      <c r="O21" s="68"/>
      <c r="P21" s="187"/>
      <c r="Q21" s="180"/>
      <c r="R21" s="64"/>
      <c r="S21" s="68"/>
      <c r="T21" s="139"/>
      <c r="U21" s="68"/>
      <c r="V21" s="66"/>
      <c r="W21" s="67"/>
      <c r="X21" s="67"/>
      <c r="Y21" s="67"/>
      <c r="Z21" s="140"/>
      <c r="AA21" s="71"/>
      <c r="AB21" s="71"/>
      <c r="AC21" s="71"/>
      <c r="AD21" s="72"/>
      <c r="AE21" s="73"/>
      <c r="AF21" s="73"/>
      <c r="AG21" s="73"/>
      <c r="AH21" s="71"/>
      <c r="AI21" s="71"/>
      <c r="AJ21" s="71"/>
      <c r="AK21" s="71"/>
      <c r="AL21" s="72"/>
      <c r="AM21" s="73"/>
      <c r="AN21" s="73"/>
      <c r="AO21" s="74"/>
    </row>
    <row r="22" spans="1:41" s="46" customFormat="1" ht="9.75" customHeight="1">
      <c r="A22" s="57"/>
      <c r="B22" s="34"/>
      <c r="C22" s="175" t="s">
        <v>36</v>
      </c>
      <c r="D22" s="178" t="s">
        <v>330</v>
      </c>
      <c r="E22" s="48"/>
      <c r="F22" s="49"/>
      <c r="G22" s="48"/>
      <c r="H22" s="50"/>
      <c r="I22" s="48"/>
      <c r="J22" s="50"/>
      <c r="K22" s="128"/>
      <c r="L22" s="48"/>
      <c r="M22" s="129"/>
      <c r="N22" s="51"/>
      <c r="O22" s="52"/>
      <c r="P22" s="52"/>
      <c r="Q22" s="76"/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41"/>
      <c r="C23" s="176"/>
      <c r="D23" s="179"/>
      <c r="E23" s="33"/>
      <c r="F23" s="34"/>
      <c r="G23" s="33"/>
      <c r="H23" s="59" t="s">
        <v>612</v>
      </c>
      <c r="I23" s="33"/>
      <c r="J23" s="59" t="s">
        <v>30</v>
      </c>
      <c r="K23" s="132" t="s">
        <v>30</v>
      </c>
      <c r="L23" s="33"/>
      <c r="M23" s="133" t="s">
        <v>30</v>
      </c>
      <c r="N23" s="60" t="s">
        <v>612</v>
      </c>
      <c r="O23" s="61"/>
      <c r="P23" s="61"/>
      <c r="Q23" s="58"/>
      <c r="R23" s="33"/>
      <c r="S23" s="61"/>
      <c r="T23" s="134" t="s">
        <v>613</v>
      </c>
      <c r="U23" s="61"/>
      <c r="V23" s="59" t="s">
        <v>30</v>
      </c>
      <c r="W23" s="60" t="s">
        <v>30</v>
      </c>
      <c r="X23" s="60" t="s">
        <v>30</v>
      </c>
      <c r="Y23" s="60" t="s">
        <v>625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41"/>
      <c r="C24" s="176"/>
      <c r="D24" s="179"/>
      <c r="E24" s="33"/>
      <c r="F24" s="34"/>
      <c r="G24" s="33"/>
      <c r="H24" s="59"/>
      <c r="I24" s="33"/>
      <c r="J24" s="59"/>
      <c r="K24" s="132"/>
      <c r="L24" s="33"/>
      <c r="M24" s="133"/>
      <c r="N24" s="60"/>
      <c r="O24" s="61"/>
      <c r="P24" s="61"/>
      <c r="Q24" s="58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34"/>
      <c r="E25" s="175" t="s">
        <v>21</v>
      </c>
      <c r="F25" s="178" t="s">
        <v>332</v>
      </c>
      <c r="G25" s="48"/>
      <c r="H25" s="50"/>
      <c r="I25" s="48"/>
      <c r="J25" s="50"/>
      <c r="K25" s="128"/>
      <c r="L25" s="48"/>
      <c r="M25" s="129"/>
      <c r="N25" s="51"/>
      <c r="O25" s="52"/>
      <c r="P25" s="52"/>
      <c r="Q25" s="76"/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41"/>
      <c r="E26" s="176"/>
      <c r="F26" s="179"/>
      <c r="G26" s="33"/>
      <c r="H26" s="59" t="s">
        <v>612</v>
      </c>
      <c r="I26" s="33"/>
      <c r="J26" s="59" t="s">
        <v>30</v>
      </c>
      <c r="K26" s="132" t="s">
        <v>30</v>
      </c>
      <c r="L26" s="33"/>
      <c r="M26" s="133" t="s">
        <v>30</v>
      </c>
      <c r="N26" s="60" t="s">
        <v>612</v>
      </c>
      <c r="O26" s="61"/>
      <c r="P26" s="61"/>
      <c r="Q26" s="34"/>
      <c r="R26" s="33"/>
      <c r="S26" s="61"/>
      <c r="T26" s="134" t="s">
        <v>613</v>
      </c>
      <c r="U26" s="61"/>
      <c r="V26" s="59" t="s">
        <v>30</v>
      </c>
      <c r="W26" s="60" t="s">
        <v>30</v>
      </c>
      <c r="X26" s="60" t="s">
        <v>30</v>
      </c>
      <c r="Y26" s="60" t="s">
        <v>625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41"/>
      <c r="E27" s="176"/>
      <c r="F27" s="179"/>
      <c r="G27" s="33"/>
      <c r="H27" s="59"/>
      <c r="I27" s="33"/>
      <c r="J27" s="59"/>
      <c r="K27" s="132"/>
      <c r="L27" s="33"/>
      <c r="M27" s="133"/>
      <c r="N27" s="60"/>
      <c r="O27" s="61"/>
      <c r="P27" s="61"/>
      <c r="Q27" s="34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57"/>
      <c r="B28" s="131"/>
      <c r="C28" s="33"/>
      <c r="D28" s="131"/>
      <c r="E28" s="33"/>
      <c r="F28" s="34"/>
      <c r="G28" s="33"/>
      <c r="H28" s="59"/>
      <c r="I28" s="33"/>
      <c r="J28" s="59"/>
      <c r="K28" s="132"/>
      <c r="L28" s="33"/>
      <c r="M28" s="133"/>
      <c r="N28" s="60"/>
      <c r="O28" s="61"/>
      <c r="P28" s="185" t="s">
        <v>302</v>
      </c>
      <c r="Q28" s="178" t="s">
        <v>303</v>
      </c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31"/>
      <c r="C29" s="33"/>
      <c r="D29" s="131"/>
      <c r="E29" s="33"/>
      <c r="F29" s="34"/>
      <c r="G29" s="33"/>
      <c r="H29" s="59"/>
      <c r="I29" s="33"/>
      <c r="J29" s="59"/>
      <c r="K29" s="132"/>
      <c r="L29" s="33"/>
      <c r="M29" s="133"/>
      <c r="N29" s="60"/>
      <c r="O29" s="61"/>
      <c r="P29" s="186"/>
      <c r="Q29" s="179"/>
      <c r="R29" s="33"/>
      <c r="S29" s="61" t="s">
        <v>626</v>
      </c>
      <c r="T29" s="134" t="s">
        <v>627</v>
      </c>
      <c r="U29" s="61"/>
      <c r="V29" s="59" t="s">
        <v>30</v>
      </c>
      <c r="W29" s="60" t="s">
        <v>30</v>
      </c>
      <c r="X29" s="60" t="s">
        <v>30</v>
      </c>
      <c r="Y29" s="60" t="s">
        <v>628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31"/>
      <c r="C30" s="33"/>
      <c r="D30" s="131"/>
      <c r="E30" s="33"/>
      <c r="F30" s="34"/>
      <c r="G30" s="33"/>
      <c r="H30" s="59"/>
      <c r="I30" s="33"/>
      <c r="J30" s="59"/>
      <c r="K30" s="132"/>
      <c r="L30" s="33"/>
      <c r="M30" s="133"/>
      <c r="N30" s="60"/>
      <c r="O30" s="61"/>
      <c r="P30" s="187"/>
      <c r="Q30" s="180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131"/>
      <c r="E31" s="33"/>
      <c r="F31" s="58"/>
      <c r="G31" s="33"/>
      <c r="H31" s="59"/>
      <c r="I31" s="33"/>
      <c r="J31" s="59"/>
      <c r="K31" s="132"/>
      <c r="L31" s="33"/>
      <c r="M31" s="133"/>
      <c r="N31" s="60"/>
      <c r="O31" s="61"/>
      <c r="P31" s="185" t="s">
        <v>89</v>
      </c>
      <c r="Q31" s="178" t="s">
        <v>90</v>
      </c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31"/>
      <c r="E32" s="33"/>
      <c r="F32" s="58"/>
      <c r="G32" s="33"/>
      <c r="H32" s="59"/>
      <c r="I32" s="33"/>
      <c r="J32" s="59"/>
      <c r="K32" s="132"/>
      <c r="L32" s="33"/>
      <c r="M32" s="133"/>
      <c r="N32" s="60"/>
      <c r="O32" s="61"/>
      <c r="P32" s="186"/>
      <c r="Q32" s="179"/>
      <c r="R32" s="33"/>
      <c r="S32" s="61" t="s">
        <v>629</v>
      </c>
      <c r="T32" s="134" t="s">
        <v>30</v>
      </c>
      <c r="U32" s="61"/>
      <c r="V32" s="59" t="s">
        <v>30</v>
      </c>
      <c r="W32" s="60" t="s">
        <v>30</v>
      </c>
      <c r="X32" s="60" t="s">
        <v>30</v>
      </c>
      <c r="Y32" s="60" t="s">
        <v>629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33"/>
      <c r="D33" s="131"/>
      <c r="E33" s="33"/>
      <c r="F33" s="58"/>
      <c r="G33" s="33"/>
      <c r="H33" s="59"/>
      <c r="I33" s="33"/>
      <c r="J33" s="59"/>
      <c r="K33" s="132"/>
      <c r="L33" s="33"/>
      <c r="M33" s="133"/>
      <c r="N33" s="60"/>
      <c r="O33" s="61"/>
      <c r="P33" s="187"/>
      <c r="Q33" s="180"/>
      <c r="R33" s="33"/>
      <c r="S33" s="61"/>
      <c r="T33" s="134"/>
      <c r="U33" s="61"/>
      <c r="V33" s="59"/>
      <c r="W33" s="60"/>
      <c r="X33" s="60"/>
      <c r="Y33" s="60"/>
      <c r="Z33" s="135"/>
      <c r="AA33" s="27"/>
      <c r="AB33" s="27"/>
      <c r="AC33" s="27"/>
      <c r="AD33" s="28"/>
      <c r="AE33" s="29"/>
      <c r="AF33" s="29"/>
      <c r="AG33" s="29"/>
      <c r="AH33" s="27"/>
      <c r="AI33" s="27"/>
      <c r="AJ33" s="27"/>
      <c r="AK33" s="27"/>
      <c r="AL33" s="28"/>
      <c r="AM33" s="29"/>
      <c r="AN33" s="29"/>
      <c r="AO33" s="30"/>
    </row>
    <row r="34" spans="1:41" s="46" customFormat="1" ht="9.75" customHeight="1">
      <c r="A34" s="57"/>
      <c r="B34" s="131"/>
      <c r="C34" s="33"/>
      <c r="D34" s="131"/>
      <c r="E34" s="33"/>
      <c r="F34" s="58"/>
      <c r="G34" s="33"/>
      <c r="H34" s="59"/>
      <c r="I34" s="33"/>
      <c r="J34" s="59"/>
      <c r="K34" s="132"/>
      <c r="L34" s="33"/>
      <c r="M34" s="133"/>
      <c r="N34" s="60"/>
      <c r="O34" s="61"/>
      <c r="P34" s="185" t="s">
        <v>307</v>
      </c>
      <c r="Q34" s="178" t="s">
        <v>308</v>
      </c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31"/>
      <c r="C35" s="33"/>
      <c r="D35" s="131"/>
      <c r="E35" s="33"/>
      <c r="F35" s="58"/>
      <c r="G35" s="33"/>
      <c r="H35" s="59"/>
      <c r="I35" s="33"/>
      <c r="J35" s="59"/>
      <c r="K35" s="132"/>
      <c r="L35" s="33"/>
      <c r="M35" s="133"/>
      <c r="N35" s="60"/>
      <c r="O35" s="61"/>
      <c r="P35" s="186"/>
      <c r="Q35" s="179"/>
      <c r="R35" s="33"/>
      <c r="S35" s="61" t="s">
        <v>630</v>
      </c>
      <c r="T35" s="134" t="s">
        <v>631</v>
      </c>
      <c r="U35" s="61"/>
      <c r="V35" s="59" t="s">
        <v>30</v>
      </c>
      <c r="W35" s="60" t="s">
        <v>30</v>
      </c>
      <c r="X35" s="60" t="s">
        <v>30</v>
      </c>
      <c r="Y35" s="60" t="s">
        <v>632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31"/>
      <c r="C36" s="33"/>
      <c r="D36" s="131"/>
      <c r="E36" s="33"/>
      <c r="F36" s="58"/>
      <c r="G36" s="33"/>
      <c r="H36" s="59"/>
      <c r="I36" s="33"/>
      <c r="J36" s="59"/>
      <c r="K36" s="132"/>
      <c r="L36" s="33"/>
      <c r="M36" s="133"/>
      <c r="N36" s="60"/>
      <c r="O36" s="61"/>
      <c r="P36" s="187"/>
      <c r="Q36" s="180"/>
      <c r="R36" s="33"/>
      <c r="S36" s="61"/>
      <c r="T36" s="134"/>
      <c r="U36" s="61"/>
      <c r="V36" s="59"/>
      <c r="W36" s="60"/>
      <c r="X36" s="60"/>
      <c r="Y36" s="60"/>
      <c r="Z36" s="135"/>
      <c r="AA36" s="27"/>
      <c r="AB36" s="27"/>
      <c r="AC36" s="27"/>
      <c r="AD36" s="28"/>
      <c r="AE36" s="29"/>
      <c r="AF36" s="29"/>
      <c r="AG36" s="29"/>
      <c r="AH36" s="27"/>
      <c r="AI36" s="27"/>
      <c r="AJ36" s="27"/>
      <c r="AK36" s="27"/>
      <c r="AL36" s="28"/>
      <c r="AM36" s="29"/>
      <c r="AN36" s="29"/>
      <c r="AO36" s="30"/>
    </row>
    <row r="37" spans="1:41" s="46" customFormat="1" ht="9.75" customHeight="1">
      <c r="A37" s="57"/>
      <c r="B37" s="131"/>
      <c r="C37" s="33"/>
      <c r="D37" s="131"/>
      <c r="E37" s="33"/>
      <c r="F37" s="58"/>
      <c r="G37" s="33"/>
      <c r="H37" s="59"/>
      <c r="I37" s="33"/>
      <c r="J37" s="59"/>
      <c r="K37" s="132"/>
      <c r="L37" s="33"/>
      <c r="M37" s="133"/>
      <c r="N37" s="60"/>
      <c r="O37" s="61"/>
      <c r="P37" s="185" t="s">
        <v>97</v>
      </c>
      <c r="Q37" s="188" t="s">
        <v>98</v>
      </c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31"/>
      <c r="C38" s="33"/>
      <c r="D38" s="131"/>
      <c r="E38" s="33"/>
      <c r="F38" s="58"/>
      <c r="G38" s="33"/>
      <c r="H38" s="59"/>
      <c r="I38" s="33"/>
      <c r="J38" s="59"/>
      <c r="K38" s="132"/>
      <c r="L38" s="33"/>
      <c r="M38" s="133"/>
      <c r="N38" s="60"/>
      <c r="O38" s="61"/>
      <c r="P38" s="186"/>
      <c r="Q38" s="179"/>
      <c r="R38" s="33"/>
      <c r="S38" s="61" t="s">
        <v>358</v>
      </c>
      <c r="T38" s="134" t="s">
        <v>30</v>
      </c>
      <c r="U38" s="61"/>
      <c r="V38" s="59" t="s">
        <v>30</v>
      </c>
      <c r="W38" s="60" t="s">
        <v>30</v>
      </c>
      <c r="X38" s="60" t="s">
        <v>30</v>
      </c>
      <c r="Y38" s="60" t="s">
        <v>358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31"/>
      <c r="C39" s="64"/>
      <c r="D39" s="136"/>
      <c r="E39" s="64"/>
      <c r="F39" s="65"/>
      <c r="G39" s="64"/>
      <c r="H39" s="66"/>
      <c r="I39" s="64"/>
      <c r="J39" s="66"/>
      <c r="K39" s="137"/>
      <c r="L39" s="64"/>
      <c r="M39" s="138"/>
      <c r="N39" s="67"/>
      <c r="O39" s="68"/>
      <c r="P39" s="187"/>
      <c r="Q39" s="180"/>
      <c r="R39" s="64"/>
      <c r="S39" s="68"/>
      <c r="T39" s="139"/>
      <c r="U39" s="68"/>
      <c r="V39" s="66"/>
      <c r="W39" s="67"/>
      <c r="X39" s="67"/>
      <c r="Y39" s="67"/>
      <c r="Z39" s="140"/>
      <c r="AA39" s="71"/>
      <c r="AB39" s="71"/>
      <c r="AC39" s="71"/>
      <c r="AD39" s="72"/>
      <c r="AE39" s="73"/>
      <c r="AF39" s="73"/>
      <c r="AG39" s="73"/>
      <c r="AH39" s="71"/>
      <c r="AI39" s="71"/>
      <c r="AJ39" s="71"/>
      <c r="AK39" s="71"/>
      <c r="AL39" s="72"/>
      <c r="AM39" s="73"/>
      <c r="AN39" s="73"/>
      <c r="AO39" s="74"/>
    </row>
    <row r="40" spans="1:41" s="46" customFormat="1" ht="9.75" customHeight="1">
      <c r="A40" s="57"/>
      <c r="B40" s="34"/>
      <c r="C40" s="175" t="s">
        <v>52</v>
      </c>
      <c r="D40" s="178" t="s">
        <v>125</v>
      </c>
      <c r="E40" s="48"/>
      <c r="F40" s="49"/>
      <c r="G40" s="48"/>
      <c r="H40" s="50"/>
      <c r="I40" s="48"/>
      <c r="J40" s="50"/>
      <c r="K40" s="128"/>
      <c r="L40" s="48"/>
      <c r="M40" s="129"/>
      <c r="N40" s="51"/>
      <c r="O40" s="52"/>
      <c r="P40" s="52"/>
      <c r="Q40" s="76"/>
      <c r="R40" s="48"/>
      <c r="S40" s="52"/>
      <c r="T40" s="130"/>
      <c r="U40" s="52"/>
      <c r="V40" s="50"/>
      <c r="W40" s="51"/>
      <c r="X40" s="51"/>
      <c r="Y40" s="51"/>
      <c r="Z40" s="122" t="s">
        <v>3</v>
      </c>
      <c r="AA40" s="55"/>
      <c r="AB40" s="55"/>
      <c r="AC40" s="55"/>
      <c r="AD40" s="56"/>
      <c r="AE40" s="19"/>
      <c r="AF40" s="19"/>
      <c r="AG40" s="19"/>
      <c r="AH40" s="55"/>
      <c r="AI40" s="55"/>
      <c r="AJ40" s="55"/>
      <c r="AK40" s="55"/>
      <c r="AL40" s="56"/>
      <c r="AM40" s="19"/>
      <c r="AN40" s="19"/>
      <c r="AO40" s="26"/>
    </row>
    <row r="41" spans="1:41" s="46" customFormat="1" ht="9.75" customHeight="1">
      <c r="A41" s="57"/>
      <c r="B41" s="141"/>
      <c r="C41" s="176"/>
      <c r="D41" s="179"/>
      <c r="E41" s="33"/>
      <c r="F41" s="34"/>
      <c r="G41" s="33"/>
      <c r="H41" s="59" t="s">
        <v>304</v>
      </c>
      <c r="I41" s="33"/>
      <c r="J41" s="59" t="s">
        <v>30</v>
      </c>
      <c r="K41" s="132" t="s">
        <v>30</v>
      </c>
      <c r="L41" s="33"/>
      <c r="M41" s="133" t="s">
        <v>30</v>
      </c>
      <c r="N41" s="60" t="s">
        <v>304</v>
      </c>
      <c r="O41" s="61"/>
      <c r="P41" s="61"/>
      <c r="Q41" s="58"/>
      <c r="R41" s="33"/>
      <c r="S41" s="61"/>
      <c r="T41" s="134" t="s">
        <v>304</v>
      </c>
      <c r="U41" s="61"/>
      <c r="V41" s="59" t="s">
        <v>30</v>
      </c>
      <c r="W41" s="60" t="s">
        <v>30</v>
      </c>
      <c r="X41" s="60" t="s">
        <v>30</v>
      </c>
      <c r="Y41" s="60" t="s">
        <v>30</v>
      </c>
      <c r="Z41" s="135"/>
      <c r="AA41" s="27"/>
      <c r="AB41" s="27"/>
      <c r="AC41" s="27"/>
      <c r="AD41" s="28"/>
      <c r="AE41" s="29"/>
      <c r="AF41" s="29"/>
      <c r="AG41" s="29"/>
      <c r="AH41" s="27"/>
      <c r="AI41" s="27"/>
      <c r="AJ41" s="27"/>
      <c r="AK41" s="27"/>
      <c r="AL41" s="28"/>
      <c r="AM41" s="29"/>
      <c r="AN41" s="29"/>
      <c r="AO41" s="30"/>
    </row>
    <row r="42" spans="1:41" s="46" customFormat="1" ht="9.75" customHeight="1">
      <c r="A42" s="57"/>
      <c r="B42" s="141"/>
      <c r="C42" s="176"/>
      <c r="D42" s="179"/>
      <c r="E42" s="33"/>
      <c r="F42" s="34"/>
      <c r="G42" s="33"/>
      <c r="H42" s="59"/>
      <c r="I42" s="33"/>
      <c r="J42" s="59"/>
      <c r="K42" s="132"/>
      <c r="L42" s="33"/>
      <c r="M42" s="133"/>
      <c r="N42" s="60"/>
      <c r="O42" s="61"/>
      <c r="P42" s="61"/>
      <c r="Q42" s="58"/>
      <c r="R42" s="33"/>
      <c r="S42" s="61"/>
      <c r="T42" s="134"/>
      <c r="U42" s="61"/>
      <c r="V42" s="59"/>
      <c r="W42" s="60"/>
      <c r="X42" s="60"/>
      <c r="Y42" s="60"/>
      <c r="Z42" s="135"/>
      <c r="AA42" s="27"/>
      <c r="AB42" s="27"/>
      <c r="AC42" s="27"/>
      <c r="AD42" s="28"/>
      <c r="AE42" s="29"/>
      <c r="AF42" s="29"/>
      <c r="AG42" s="29"/>
      <c r="AH42" s="27"/>
      <c r="AI42" s="27"/>
      <c r="AJ42" s="27"/>
      <c r="AK42" s="27"/>
      <c r="AL42" s="28"/>
      <c r="AM42" s="29"/>
      <c r="AN42" s="29"/>
      <c r="AO42" s="30"/>
    </row>
    <row r="43" spans="1:41" s="46" customFormat="1" ht="9.75" customHeight="1">
      <c r="A43" s="57"/>
      <c r="B43" s="131"/>
      <c r="C43" s="33"/>
      <c r="D43" s="34"/>
      <c r="E43" s="175" t="s">
        <v>21</v>
      </c>
      <c r="F43" s="188" t="s">
        <v>226</v>
      </c>
      <c r="G43" s="48"/>
      <c r="H43" s="50"/>
      <c r="I43" s="48"/>
      <c r="J43" s="50"/>
      <c r="K43" s="128"/>
      <c r="L43" s="48"/>
      <c r="M43" s="129"/>
      <c r="N43" s="51"/>
      <c r="O43" s="52"/>
      <c r="P43" s="52"/>
      <c r="Q43" s="76"/>
      <c r="R43" s="48"/>
      <c r="S43" s="52"/>
      <c r="T43" s="130"/>
      <c r="U43" s="52"/>
      <c r="V43" s="50"/>
      <c r="W43" s="51"/>
      <c r="X43" s="51"/>
      <c r="Y43" s="51"/>
      <c r="Z43" s="122" t="s">
        <v>3</v>
      </c>
      <c r="AA43" s="55"/>
      <c r="AB43" s="55"/>
      <c r="AC43" s="55"/>
      <c r="AD43" s="56"/>
      <c r="AE43" s="19"/>
      <c r="AF43" s="19"/>
      <c r="AG43" s="19"/>
      <c r="AH43" s="55"/>
      <c r="AI43" s="55"/>
      <c r="AJ43" s="55"/>
      <c r="AK43" s="55"/>
      <c r="AL43" s="56"/>
      <c r="AM43" s="19"/>
      <c r="AN43" s="19"/>
      <c r="AO43" s="26"/>
    </row>
    <row r="44" spans="1:41" s="46" customFormat="1" ht="9.75" customHeight="1">
      <c r="A44" s="57"/>
      <c r="B44" s="131"/>
      <c r="C44" s="33"/>
      <c r="D44" s="141"/>
      <c r="E44" s="176"/>
      <c r="F44" s="179"/>
      <c r="G44" s="33"/>
      <c r="H44" s="59" t="s">
        <v>304</v>
      </c>
      <c r="I44" s="33"/>
      <c r="J44" s="59" t="s">
        <v>30</v>
      </c>
      <c r="K44" s="132" t="s">
        <v>30</v>
      </c>
      <c r="L44" s="33"/>
      <c r="M44" s="133" t="s">
        <v>30</v>
      </c>
      <c r="N44" s="60" t="s">
        <v>304</v>
      </c>
      <c r="O44" s="61"/>
      <c r="P44" s="61"/>
      <c r="Q44" s="34"/>
      <c r="R44" s="33"/>
      <c r="S44" s="61"/>
      <c r="T44" s="134" t="s">
        <v>304</v>
      </c>
      <c r="U44" s="61"/>
      <c r="V44" s="59" t="s">
        <v>30</v>
      </c>
      <c r="W44" s="60" t="s">
        <v>30</v>
      </c>
      <c r="X44" s="60" t="s">
        <v>30</v>
      </c>
      <c r="Y44" s="60" t="s">
        <v>30</v>
      </c>
      <c r="Z44" s="135"/>
      <c r="AA44" s="27"/>
      <c r="AB44" s="27"/>
      <c r="AC44" s="27"/>
      <c r="AD44" s="28"/>
      <c r="AE44" s="29"/>
      <c r="AF44" s="29"/>
      <c r="AG44" s="29"/>
      <c r="AH44" s="27"/>
      <c r="AI44" s="27"/>
      <c r="AJ44" s="27"/>
      <c r="AK44" s="27"/>
      <c r="AL44" s="28"/>
      <c r="AM44" s="29"/>
      <c r="AN44" s="29"/>
      <c r="AO44" s="30"/>
    </row>
    <row r="45" spans="1:41" s="46" customFormat="1" ht="9.75" customHeight="1">
      <c r="A45" s="57"/>
      <c r="B45" s="131"/>
      <c r="C45" s="33"/>
      <c r="D45" s="141"/>
      <c r="E45" s="176"/>
      <c r="F45" s="179"/>
      <c r="G45" s="33"/>
      <c r="H45" s="59"/>
      <c r="I45" s="33"/>
      <c r="J45" s="59"/>
      <c r="K45" s="132"/>
      <c r="L45" s="33"/>
      <c r="M45" s="133"/>
      <c r="N45" s="60"/>
      <c r="O45" s="61"/>
      <c r="P45" s="61"/>
      <c r="Q45" s="34"/>
      <c r="R45" s="33"/>
      <c r="S45" s="61"/>
      <c r="T45" s="134"/>
      <c r="U45" s="61"/>
      <c r="V45" s="59"/>
      <c r="W45" s="60"/>
      <c r="X45" s="60"/>
      <c r="Y45" s="60"/>
      <c r="Z45" s="135"/>
      <c r="AA45" s="27"/>
      <c r="AB45" s="27"/>
      <c r="AC45" s="27"/>
      <c r="AD45" s="28"/>
      <c r="AE45" s="29"/>
      <c r="AF45" s="29"/>
      <c r="AG45" s="29"/>
      <c r="AH45" s="27"/>
      <c r="AI45" s="27"/>
      <c r="AJ45" s="27"/>
      <c r="AK45" s="27"/>
      <c r="AL45" s="28"/>
      <c r="AM45" s="29"/>
      <c r="AN45" s="29"/>
      <c r="AO45" s="30"/>
    </row>
    <row r="46" spans="1:41" s="46" customFormat="1" ht="9.75" customHeight="1">
      <c r="A46" s="57"/>
      <c r="B46" s="131"/>
      <c r="C46" s="33"/>
      <c r="D46" s="131"/>
      <c r="E46" s="33"/>
      <c r="F46" s="34"/>
      <c r="G46" s="33"/>
      <c r="H46" s="59"/>
      <c r="I46" s="33"/>
      <c r="J46" s="59"/>
      <c r="K46" s="132"/>
      <c r="L46" s="33"/>
      <c r="M46" s="133"/>
      <c r="N46" s="60"/>
      <c r="O46" s="61"/>
      <c r="P46" s="185" t="s">
        <v>124</v>
      </c>
      <c r="Q46" s="178" t="s">
        <v>125</v>
      </c>
      <c r="R46" s="48"/>
      <c r="S46" s="52"/>
      <c r="T46" s="130"/>
      <c r="U46" s="52"/>
      <c r="V46" s="50"/>
      <c r="W46" s="51"/>
      <c r="X46" s="51"/>
      <c r="Y46" s="51"/>
      <c r="Z46" s="122" t="s">
        <v>3</v>
      </c>
      <c r="AA46" s="55"/>
      <c r="AB46" s="55"/>
      <c r="AC46" s="55"/>
      <c r="AD46" s="56"/>
      <c r="AE46" s="19"/>
      <c r="AF46" s="19"/>
      <c r="AG46" s="19"/>
      <c r="AH46" s="55"/>
      <c r="AI46" s="55"/>
      <c r="AJ46" s="55"/>
      <c r="AK46" s="55"/>
      <c r="AL46" s="56"/>
      <c r="AM46" s="19"/>
      <c r="AN46" s="19"/>
      <c r="AO46" s="26"/>
    </row>
    <row r="47" spans="1:41" s="46" customFormat="1" ht="9.75" customHeight="1">
      <c r="A47" s="57"/>
      <c r="B47" s="131"/>
      <c r="C47" s="33"/>
      <c r="D47" s="131"/>
      <c r="E47" s="33"/>
      <c r="F47" s="34"/>
      <c r="G47" s="33"/>
      <c r="H47" s="59"/>
      <c r="I47" s="33"/>
      <c r="J47" s="59"/>
      <c r="K47" s="132"/>
      <c r="L47" s="33"/>
      <c r="M47" s="133"/>
      <c r="N47" s="60"/>
      <c r="O47" s="61"/>
      <c r="P47" s="186"/>
      <c r="Q47" s="179"/>
      <c r="R47" s="33"/>
      <c r="S47" s="61" t="s">
        <v>304</v>
      </c>
      <c r="T47" s="134" t="s">
        <v>304</v>
      </c>
      <c r="U47" s="61"/>
      <c r="V47" s="59" t="s">
        <v>30</v>
      </c>
      <c r="W47" s="60" t="s">
        <v>30</v>
      </c>
      <c r="X47" s="60" t="s">
        <v>30</v>
      </c>
      <c r="Y47" s="60" t="s">
        <v>30</v>
      </c>
      <c r="Z47" s="135"/>
      <c r="AA47" s="27"/>
      <c r="AB47" s="27"/>
      <c r="AC47" s="27"/>
      <c r="AD47" s="28"/>
      <c r="AE47" s="29"/>
      <c r="AF47" s="29"/>
      <c r="AG47" s="29"/>
      <c r="AH47" s="27"/>
      <c r="AI47" s="27"/>
      <c r="AJ47" s="27"/>
      <c r="AK47" s="27"/>
      <c r="AL47" s="28"/>
      <c r="AM47" s="29"/>
      <c r="AN47" s="29"/>
      <c r="AO47" s="30"/>
    </row>
    <row r="48" spans="1:41" s="46" customFormat="1" ht="9.75" customHeight="1">
      <c r="A48" s="57"/>
      <c r="B48" s="131"/>
      <c r="C48" s="64"/>
      <c r="D48" s="136"/>
      <c r="E48" s="64"/>
      <c r="F48" s="77"/>
      <c r="G48" s="64"/>
      <c r="H48" s="66"/>
      <c r="I48" s="64"/>
      <c r="J48" s="66"/>
      <c r="K48" s="137"/>
      <c r="L48" s="64"/>
      <c r="M48" s="138"/>
      <c r="N48" s="67"/>
      <c r="O48" s="68"/>
      <c r="P48" s="187"/>
      <c r="Q48" s="180"/>
      <c r="R48" s="64"/>
      <c r="S48" s="68"/>
      <c r="T48" s="139"/>
      <c r="U48" s="68"/>
      <c r="V48" s="66"/>
      <c r="W48" s="67"/>
      <c r="X48" s="67"/>
      <c r="Y48" s="67"/>
      <c r="Z48" s="140"/>
      <c r="AA48" s="71"/>
      <c r="AB48" s="71"/>
      <c r="AC48" s="71"/>
      <c r="AD48" s="72"/>
      <c r="AE48" s="73"/>
      <c r="AF48" s="73"/>
      <c r="AG48" s="73"/>
      <c r="AH48" s="71"/>
      <c r="AI48" s="71"/>
      <c r="AJ48" s="71"/>
      <c r="AK48" s="71"/>
      <c r="AL48" s="72"/>
      <c r="AM48" s="73"/>
      <c r="AN48" s="73"/>
      <c r="AO48" s="74"/>
    </row>
    <row r="49" spans="1:41" s="46" customFormat="1" ht="9.75" customHeight="1">
      <c r="A49" s="57"/>
      <c r="B49" s="34"/>
      <c r="C49" s="175" t="s">
        <v>57</v>
      </c>
      <c r="D49" s="178" t="s">
        <v>633</v>
      </c>
      <c r="E49" s="48"/>
      <c r="F49" s="49"/>
      <c r="G49" s="48"/>
      <c r="H49" s="50"/>
      <c r="I49" s="48"/>
      <c r="J49" s="50"/>
      <c r="K49" s="128"/>
      <c r="L49" s="48"/>
      <c r="M49" s="129"/>
      <c r="N49" s="51"/>
      <c r="O49" s="52"/>
      <c r="P49" s="52"/>
      <c r="Q49" s="76"/>
      <c r="R49" s="48"/>
      <c r="S49" s="52"/>
      <c r="T49" s="130"/>
      <c r="U49" s="52"/>
      <c r="V49" s="50"/>
      <c r="W49" s="51"/>
      <c r="X49" s="51"/>
      <c r="Y49" s="51"/>
      <c r="Z49" s="122" t="s">
        <v>3</v>
      </c>
      <c r="AA49" s="55"/>
      <c r="AB49" s="55"/>
      <c r="AC49" s="55"/>
      <c r="AD49" s="56"/>
      <c r="AE49" s="19"/>
      <c r="AF49" s="19"/>
      <c r="AG49" s="19"/>
      <c r="AH49" s="55"/>
      <c r="AI49" s="55"/>
      <c r="AJ49" s="55"/>
      <c r="AK49" s="55"/>
      <c r="AL49" s="56"/>
      <c r="AM49" s="19"/>
      <c r="AN49" s="19"/>
      <c r="AO49" s="26"/>
    </row>
    <row r="50" spans="1:41" s="46" customFormat="1" ht="9.75" customHeight="1">
      <c r="A50" s="57"/>
      <c r="B50" s="141"/>
      <c r="C50" s="176"/>
      <c r="D50" s="179"/>
      <c r="E50" s="33"/>
      <c r="F50" s="34"/>
      <c r="G50" s="33"/>
      <c r="H50" s="59" t="s">
        <v>634</v>
      </c>
      <c r="I50" s="33"/>
      <c r="J50" s="59" t="s">
        <v>30</v>
      </c>
      <c r="K50" s="132" t="s">
        <v>30</v>
      </c>
      <c r="L50" s="33"/>
      <c r="M50" s="133" t="s">
        <v>30</v>
      </c>
      <c r="N50" s="60" t="s">
        <v>634</v>
      </c>
      <c r="O50" s="61"/>
      <c r="P50" s="61"/>
      <c r="Q50" s="58"/>
      <c r="R50" s="33"/>
      <c r="S50" s="61"/>
      <c r="T50" s="134" t="s">
        <v>634</v>
      </c>
      <c r="U50" s="61"/>
      <c r="V50" s="59" t="s">
        <v>30</v>
      </c>
      <c r="W50" s="60" t="s">
        <v>30</v>
      </c>
      <c r="X50" s="60" t="s">
        <v>30</v>
      </c>
      <c r="Y50" s="60" t="s">
        <v>30</v>
      </c>
      <c r="Z50" s="135"/>
      <c r="AA50" s="27"/>
      <c r="AB50" s="27"/>
      <c r="AC50" s="27"/>
      <c r="AD50" s="28"/>
      <c r="AE50" s="29"/>
      <c r="AF50" s="29"/>
      <c r="AG50" s="29"/>
      <c r="AH50" s="27"/>
      <c r="AI50" s="27"/>
      <c r="AJ50" s="27"/>
      <c r="AK50" s="27"/>
      <c r="AL50" s="28"/>
      <c r="AM50" s="29"/>
      <c r="AN50" s="29"/>
      <c r="AO50" s="30"/>
    </row>
    <row r="51" spans="1:41" s="46" customFormat="1" ht="9.75" customHeight="1">
      <c r="A51" s="57"/>
      <c r="B51" s="141"/>
      <c r="C51" s="176"/>
      <c r="D51" s="179"/>
      <c r="E51" s="33"/>
      <c r="F51" s="34"/>
      <c r="G51" s="33"/>
      <c r="H51" s="59"/>
      <c r="I51" s="33"/>
      <c r="J51" s="59"/>
      <c r="K51" s="132"/>
      <c r="L51" s="33"/>
      <c r="M51" s="133"/>
      <c r="N51" s="60"/>
      <c r="O51" s="61"/>
      <c r="P51" s="61"/>
      <c r="Q51" s="58"/>
      <c r="R51" s="33"/>
      <c r="S51" s="61"/>
      <c r="T51" s="134"/>
      <c r="U51" s="61"/>
      <c r="V51" s="59"/>
      <c r="W51" s="60"/>
      <c r="X51" s="60"/>
      <c r="Y51" s="60"/>
      <c r="Z51" s="135"/>
      <c r="AA51" s="27"/>
      <c r="AB51" s="27"/>
      <c r="AC51" s="27"/>
      <c r="AD51" s="28"/>
      <c r="AE51" s="29"/>
      <c r="AF51" s="29"/>
      <c r="AG51" s="29"/>
      <c r="AH51" s="27"/>
      <c r="AI51" s="27"/>
      <c r="AJ51" s="27"/>
      <c r="AK51" s="27"/>
      <c r="AL51" s="28"/>
      <c r="AM51" s="29"/>
      <c r="AN51" s="29"/>
      <c r="AO51" s="30"/>
    </row>
    <row r="52" spans="1:41" s="46" customFormat="1" ht="9.75" customHeight="1">
      <c r="A52" s="57"/>
      <c r="B52" s="131"/>
      <c r="C52" s="33"/>
      <c r="D52" s="34"/>
      <c r="E52" s="175" t="s">
        <v>21</v>
      </c>
      <c r="F52" s="178" t="s">
        <v>635</v>
      </c>
      <c r="G52" s="48"/>
      <c r="H52" s="50"/>
      <c r="I52" s="48"/>
      <c r="J52" s="50"/>
      <c r="K52" s="128"/>
      <c r="L52" s="48"/>
      <c r="M52" s="129"/>
      <c r="N52" s="51"/>
      <c r="O52" s="52"/>
      <c r="P52" s="52"/>
      <c r="Q52" s="76"/>
      <c r="R52" s="48"/>
      <c r="S52" s="52"/>
      <c r="T52" s="130"/>
      <c r="U52" s="52"/>
      <c r="V52" s="50"/>
      <c r="W52" s="51"/>
      <c r="X52" s="51"/>
      <c r="Y52" s="51"/>
      <c r="Z52" s="122" t="s">
        <v>3</v>
      </c>
      <c r="AA52" s="55"/>
      <c r="AB52" s="55"/>
      <c r="AC52" s="55"/>
      <c r="AD52" s="56"/>
      <c r="AE52" s="19"/>
      <c r="AF52" s="19"/>
      <c r="AG52" s="19"/>
      <c r="AH52" s="55"/>
      <c r="AI52" s="55"/>
      <c r="AJ52" s="55"/>
      <c r="AK52" s="55"/>
      <c r="AL52" s="56"/>
      <c r="AM52" s="19"/>
      <c r="AN52" s="19"/>
      <c r="AO52" s="26"/>
    </row>
    <row r="53" spans="1:41" s="46" customFormat="1" ht="9.75" customHeight="1">
      <c r="A53" s="57"/>
      <c r="B53" s="131"/>
      <c r="C53" s="33"/>
      <c r="D53" s="141"/>
      <c r="E53" s="176"/>
      <c r="F53" s="179"/>
      <c r="G53" s="33"/>
      <c r="H53" s="59" t="s">
        <v>634</v>
      </c>
      <c r="I53" s="33"/>
      <c r="J53" s="59" t="s">
        <v>30</v>
      </c>
      <c r="K53" s="132" t="s">
        <v>30</v>
      </c>
      <c r="L53" s="33"/>
      <c r="M53" s="133" t="s">
        <v>30</v>
      </c>
      <c r="N53" s="60" t="s">
        <v>634</v>
      </c>
      <c r="O53" s="61"/>
      <c r="P53" s="61"/>
      <c r="Q53" s="34"/>
      <c r="R53" s="33"/>
      <c r="S53" s="61"/>
      <c r="T53" s="134" t="s">
        <v>634</v>
      </c>
      <c r="U53" s="61"/>
      <c r="V53" s="59" t="s">
        <v>30</v>
      </c>
      <c r="W53" s="60" t="s">
        <v>30</v>
      </c>
      <c r="X53" s="60" t="s">
        <v>30</v>
      </c>
      <c r="Y53" s="60" t="s">
        <v>30</v>
      </c>
      <c r="Z53" s="135"/>
      <c r="AA53" s="27"/>
      <c r="AB53" s="27"/>
      <c r="AC53" s="27"/>
      <c r="AD53" s="28"/>
      <c r="AE53" s="29"/>
      <c r="AF53" s="29"/>
      <c r="AG53" s="29"/>
      <c r="AH53" s="27"/>
      <c r="AI53" s="27"/>
      <c r="AJ53" s="27"/>
      <c r="AK53" s="27"/>
      <c r="AL53" s="28"/>
      <c r="AM53" s="29"/>
      <c r="AN53" s="29"/>
      <c r="AO53" s="30"/>
    </row>
    <row r="54" spans="1:41" s="46" customFormat="1" ht="9.75" customHeight="1">
      <c r="A54" s="57"/>
      <c r="B54" s="131"/>
      <c r="C54" s="33"/>
      <c r="D54" s="141"/>
      <c r="E54" s="176"/>
      <c r="F54" s="179"/>
      <c r="G54" s="33"/>
      <c r="H54" s="59"/>
      <c r="I54" s="33"/>
      <c r="J54" s="59"/>
      <c r="K54" s="132"/>
      <c r="L54" s="33"/>
      <c r="M54" s="133"/>
      <c r="N54" s="60"/>
      <c r="O54" s="61"/>
      <c r="P54" s="61"/>
      <c r="Q54" s="34"/>
      <c r="R54" s="33"/>
      <c r="S54" s="61"/>
      <c r="T54" s="134"/>
      <c r="U54" s="61"/>
      <c r="V54" s="59"/>
      <c r="W54" s="60"/>
      <c r="X54" s="60"/>
      <c r="Y54" s="60"/>
      <c r="Z54" s="135"/>
      <c r="AA54" s="27"/>
      <c r="AB54" s="27"/>
      <c r="AC54" s="27"/>
      <c r="AD54" s="28"/>
      <c r="AE54" s="29"/>
      <c r="AF54" s="29"/>
      <c r="AG54" s="29"/>
      <c r="AH54" s="27"/>
      <c r="AI54" s="27"/>
      <c r="AJ54" s="27"/>
      <c r="AK54" s="27"/>
      <c r="AL54" s="28"/>
      <c r="AM54" s="29"/>
      <c r="AN54" s="29"/>
      <c r="AO54" s="30"/>
    </row>
    <row r="55" spans="1:41" s="46" customFormat="1" ht="9.75" customHeight="1">
      <c r="A55" s="57"/>
      <c r="B55" s="131"/>
      <c r="C55" s="33"/>
      <c r="D55" s="131"/>
      <c r="E55" s="33"/>
      <c r="F55" s="34"/>
      <c r="G55" s="33"/>
      <c r="H55" s="59"/>
      <c r="I55" s="33"/>
      <c r="J55" s="59"/>
      <c r="K55" s="132"/>
      <c r="L55" s="33"/>
      <c r="M55" s="133"/>
      <c r="N55" s="60"/>
      <c r="O55" s="61"/>
      <c r="P55" s="185" t="s">
        <v>145</v>
      </c>
      <c r="Q55" s="188" t="s">
        <v>146</v>
      </c>
      <c r="R55" s="48"/>
      <c r="S55" s="52"/>
      <c r="T55" s="130"/>
      <c r="U55" s="52"/>
      <c r="V55" s="50"/>
      <c r="W55" s="51"/>
      <c r="X55" s="51"/>
      <c r="Y55" s="51"/>
      <c r="Z55" s="122" t="s">
        <v>3</v>
      </c>
      <c r="AA55" s="55"/>
      <c r="AB55" s="55"/>
      <c r="AC55" s="55"/>
      <c r="AD55" s="56"/>
      <c r="AE55" s="19"/>
      <c r="AF55" s="19"/>
      <c r="AG55" s="19"/>
      <c r="AH55" s="55"/>
      <c r="AI55" s="55"/>
      <c r="AJ55" s="55"/>
      <c r="AK55" s="55"/>
      <c r="AL55" s="56"/>
      <c r="AM55" s="19"/>
      <c r="AN55" s="19"/>
      <c r="AO55" s="26"/>
    </row>
    <row r="56" spans="1:41" s="46" customFormat="1" ht="9.75" customHeight="1">
      <c r="A56" s="57"/>
      <c r="B56" s="131"/>
      <c r="C56" s="33"/>
      <c r="D56" s="131"/>
      <c r="E56" s="33"/>
      <c r="F56" s="34"/>
      <c r="G56" s="33"/>
      <c r="H56" s="59"/>
      <c r="I56" s="33"/>
      <c r="J56" s="59"/>
      <c r="K56" s="132"/>
      <c r="L56" s="33"/>
      <c r="M56" s="133"/>
      <c r="N56" s="60"/>
      <c r="O56" s="61"/>
      <c r="P56" s="186"/>
      <c r="Q56" s="179"/>
      <c r="R56" s="33"/>
      <c r="S56" s="61" t="s">
        <v>634</v>
      </c>
      <c r="T56" s="134" t="s">
        <v>634</v>
      </c>
      <c r="U56" s="61"/>
      <c r="V56" s="59" t="s">
        <v>30</v>
      </c>
      <c r="W56" s="60" t="s">
        <v>30</v>
      </c>
      <c r="X56" s="60" t="s">
        <v>30</v>
      </c>
      <c r="Y56" s="60" t="s">
        <v>30</v>
      </c>
      <c r="Z56" s="135"/>
      <c r="AA56" s="27"/>
      <c r="AB56" s="27"/>
      <c r="AC56" s="27"/>
      <c r="AD56" s="28"/>
      <c r="AE56" s="29"/>
      <c r="AF56" s="29"/>
      <c r="AG56" s="29"/>
      <c r="AH56" s="27"/>
      <c r="AI56" s="27"/>
      <c r="AJ56" s="27"/>
      <c r="AK56" s="27"/>
      <c r="AL56" s="28"/>
      <c r="AM56" s="29"/>
      <c r="AN56" s="29"/>
      <c r="AO56" s="30"/>
    </row>
    <row r="57" spans="1:41" s="46" customFormat="1" ht="9.75" customHeight="1">
      <c r="A57" s="57"/>
      <c r="B57" s="131"/>
      <c r="C57" s="64"/>
      <c r="D57" s="136"/>
      <c r="E57" s="64"/>
      <c r="F57" s="77"/>
      <c r="G57" s="64"/>
      <c r="H57" s="66"/>
      <c r="I57" s="64"/>
      <c r="J57" s="66"/>
      <c r="K57" s="137"/>
      <c r="L57" s="64"/>
      <c r="M57" s="138"/>
      <c r="N57" s="67"/>
      <c r="O57" s="68"/>
      <c r="P57" s="187"/>
      <c r="Q57" s="180"/>
      <c r="R57" s="64"/>
      <c r="S57" s="68"/>
      <c r="T57" s="139"/>
      <c r="U57" s="68"/>
      <c r="V57" s="66"/>
      <c r="W57" s="67"/>
      <c r="X57" s="67"/>
      <c r="Y57" s="67"/>
      <c r="Z57" s="140"/>
      <c r="AA57" s="71"/>
      <c r="AB57" s="71"/>
      <c r="AC57" s="71"/>
      <c r="AD57" s="72"/>
      <c r="AE57" s="73"/>
      <c r="AF57" s="73"/>
      <c r="AG57" s="73"/>
      <c r="AH57" s="71"/>
      <c r="AI57" s="71"/>
      <c r="AJ57" s="71"/>
      <c r="AK57" s="71"/>
      <c r="AL57" s="72"/>
      <c r="AM57" s="73"/>
      <c r="AN57" s="73"/>
      <c r="AO57" s="74"/>
    </row>
    <row r="58" spans="1:41" s="46" customFormat="1" ht="9.75" customHeight="1">
      <c r="A58" s="57"/>
      <c r="B58" s="34"/>
      <c r="C58" s="175" t="s">
        <v>293</v>
      </c>
      <c r="D58" s="178" t="s">
        <v>335</v>
      </c>
      <c r="E58" s="48"/>
      <c r="F58" s="49"/>
      <c r="G58" s="48"/>
      <c r="H58" s="50"/>
      <c r="I58" s="48"/>
      <c r="J58" s="50"/>
      <c r="K58" s="128"/>
      <c r="L58" s="48"/>
      <c r="M58" s="129"/>
      <c r="N58" s="51"/>
      <c r="O58" s="52"/>
      <c r="P58" s="52"/>
      <c r="Q58" s="76"/>
      <c r="R58" s="48"/>
      <c r="S58" s="52"/>
      <c r="T58" s="130"/>
      <c r="U58" s="52"/>
      <c r="V58" s="50"/>
      <c r="W58" s="51"/>
      <c r="X58" s="51"/>
      <c r="Y58" s="51"/>
      <c r="Z58" s="122" t="s">
        <v>3</v>
      </c>
      <c r="AA58" s="55"/>
      <c r="AB58" s="55"/>
      <c r="AC58" s="55"/>
      <c r="AD58" s="56"/>
      <c r="AE58" s="19"/>
      <c r="AF58" s="19"/>
      <c r="AG58" s="19"/>
      <c r="AH58" s="55"/>
      <c r="AI58" s="55"/>
      <c r="AJ58" s="55"/>
      <c r="AK58" s="55"/>
      <c r="AL58" s="56"/>
      <c r="AM58" s="19"/>
      <c r="AN58" s="19"/>
      <c r="AO58" s="26"/>
    </row>
    <row r="59" spans="1:41" s="46" customFormat="1" ht="9.75" customHeight="1">
      <c r="A59" s="57"/>
      <c r="B59" s="141"/>
      <c r="C59" s="176"/>
      <c r="D59" s="179"/>
      <c r="E59" s="33"/>
      <c r="F59" s="34"/>
      <c r="G59" s="33"/>
      <c r="H59" s="59" t="s">
        <v>636</v>
      </c>
      <c r="I59" s="33"/>
      <c r="J59" s="59" t="s">
        <v>30</v>
      </c>
      <c r="K59" s="132" t="s">
        <v>30</v>
      </c>
      <c r="L59" s="33"/>
      <c r="M59" s="133" t="s">
        <v>30</v>
      </c>
      <c r="N59" s="60" t="s">
        <v>636</v>
      </c>
      <c r="O59" s="61"/>
      <c r="P59" s="61"/>
      <c r="Q59" s="58"/>
      <c r="R59" s="33"/>
      <c r="S59" s="61"/>
      <c r="T59" s="134" t="s">
        <v>30</v>
      </c>
      <c r="U59" s="61"/>
      <c r="V59" s="59" t="s">
        <v>30</v>
      </c>
      <c r="W59" s="60" t="s">
        <v>30</v>
      </c>
      <c r="X59" s="60" t="s">
        <v>30</v>
      </c>
      <c r="Y59" s="60" t="s">
        <v>636</v>
      </c>
      <c r="Z59" s="135"/>
      <c r="AA59" s="27"/>
      <c r="AB59" s="27"/>
      <c r="AC59" s="27"/>
      <c r="AD59" s="28"/>
      <c r="AE59" s="29"/>
      <c r="AF59" s="29"/>
      <c r="AG59" s="29"/>
      <c r="AH59" s="27"/>
      <c r="AI59" s="27"/>
      <c r="AJ59" s="27"/>
      <c r="AK59" s="27"/>
      <c r="AL59" s="28"/>
      <c r="AM59" s="29"/>
      <c r="AN59" s="29"/>
      <c r="AO59" s="30"/>
    </row>
    <row r="60" spans="1:41" s="46" customFormat="1" ht="9.75" customHeight="1">
      <c r="A60" s="57"/>
      <c r="B60" s="141"/>
      <c r="C60" s="176"/>
      <c r="D60" s="179"/>
      <c r="E60" s="33"/>
      <c r="F60" s="34"/>
      <c r="G60" s="33"/>
      <c r="H60" s="59"/>
      <c r="I60" s="33"/>
      <c r="J60" s="59"/>
      <c r="K60" s="132"/>
      <c r="L60" s="33"/>
      <c r="M60" s="133"/>
      <c r="N60" s="60"/>
      <c r="O60" s="61"/>
      <c r="P60" s="61"/>
      <c r="Q60" s="58"/>
      <c r="R60" s="33"/>
      <c r="S60" s="61"/>
      <c r="T60" s="134"/>
      <c r="U60" s="61"/>
      <c r="V60" s="59"/>
      <c r="W60" s="60"/>
      <c r="X60" s="60"/>
      <c r="Y60" s="60"/>
      <c r="Z60" s="135"/>
      <c r="AA60" s="27"/>
      <c r="AB60" s="27"/>
      <c r="AC60" s="27"/>
      <c r="AD60" s="28"/>
      <c r="AE60" s="29"/>
      <c r="AF60" s="29"/>
      <c r="AG60" s="29"/>
      <c r="AH60" s="27"/>
      <c r="AI60" s="27"/>
      <c r="AJ60" s="27"/>
      <c r="AK60" s="27"/>
      <c r="AL60" s="28"/>
      <c r="AM60" s="29"/>
      <c r="AN60" s="29"/>
      <c r="AO60" s="30"/>
    </row>
    <row r="61" spans="1:41" s="46" customFormat="1" ht="9.75" customHeight="1">
      <c r="A61" s="57"/>
      <c r="B61" s="131"/>
      <c r="C61" s="33"/>
      <c r="D61" s="34"/>
      <c r="E61" s="175" t="s">
        <v>21</v>
      </c>
      <c r="F61" s="178" t="s">
        <v>335</v>
      </c>
      <c r="G61" s="48"/>
      <c r="H61" s="50"/>
      <c r="I61" s="48"/>
      <c r="J61" s="50"/>
      <c r="K61" s="128"/>
      <c r="L61" s="48"/>
      <c r="M61" s="129"/>
      <c r="N61" s="51"/>
      <c r="O61" s="52"/>
      <c r="P61" s="52"/>
      <c r="Q61" s="76"/>
      <c r="R61" s="48"/>
      <c r="S61" s="52"/>
      <c r="T61" s="130"/>
      <c r="U61" s="52"/>
      <c r="V61" s="50"/>
      <c r="W61" s="51"/>
      <c r="X61" s="51"/>
      <c r="Y61" s="51"/>
      <c r="Z61" s="122" t="s">
        <v>3</v>
      </c>
      <c r="AA61" s="55"/>
      <c r="AB61" s="55"/>
      <c r="AC61" s="55"/>
      <c r="AD61" s="56"/>
      <c r="AE61" s="19"/>
      <c r="AF61" s="19"/>
      <c r="AG61" s="19"/>
      <c r="AH61" s="55"/>
      <c r="AI61" s="55"/>
      <c r="AJ61" s="55"/>
      <c r="AK61" s="55"/>
      <c r="AL61" s="56"/>
      <c r="AM61" s="19"/>
      <c r="AN61" s="19"/>
      <c r="AO61" s="26"/>
    </row>
    <row r="62" spans="1:41" s="46" customFormat="1" ht="9.75" customHeight="1">
      <c r="A62" s="57"/>
      <c r="B62" s="131"/>
      <c r="C62" s="33"/>
      <c r="D62" s="141"/>
      <c r="E62" s="176"/>
      <c r="F62" s="179"/>
      <c r="G62" s="33"/>
      <c r="H62" s="59" t="s">
        <v>636</v>
      </c>
      <c r="I62" s="33"/>
      <c r="J62" s="59" t="s">
        <v>30</v>
      </c>
      <c r="K62" s="132" t="s">
        <v>30</v>
      </c>
      <c r="L62" s="33"/>
      <c r="M62" s="133" t="s">
        <v>30</v>
      </c>
      <c r="N62" s="60" t="s">
        <v>636</v>
      </c>
      <c r="O62" s="61"/>
      <c r="P62" s="61"/>
      <c r="Q62" s="34"/>
      <c r="R62" s="33"/>
      <c r="S62" s="61"/>
      <c r="T62" s="134" t="s">
        <v>30</v>
      </c>
      <c r="U62" s="61"/>
      <c r="V62" s="59" t="s">
        <v>30</v>
      </c>
      <c r="W62" s="60" t="s">
        <v>30</v>
      </c>
      <c r="X62" s="60" t="s">
        <v>30</v>
      </c>
      <c r="Y62" s="60" t="s">
        <v>636</v>
      </c>
      <c r="Z62" s="135"/>
      <c r="AA62" s="27"/>
      <c r="AB62" s="27"/>
      <c r="AC62" s="27"/>
      <c r="AD62" s="28"/>
      <c r="AE62" s="29"/>
      <c r="AF62" s="29"/>
      <c r="AG62" s="29"/>
      <c r="AH62" s="27"/>
      <c r="AI62" s="27"/>
      <c r="AJ62" s="27"/>
      <c r="AK62" s="27"/>
      <c r="AL62" s="28"/>
      <c r="AM62" s="29"/>
      <c r="AN62" s="29"/>
      <c r="AO62" s="30"/>
    </row>
    <row r="63" spans="1:41" s="46" customFormat="1" ht="9.75" customHeight="1">
      <c r="A63" s="57"/>
      <c r="B63" s="131"/>
      <c r="C63" s="33"/>
      <c r="D63" s="141"/>
      <c r="E63" s="177"/>
      <c r="F63" s="180"/>
      <c r="G63" s="33"/>
      <c r="H63" s="59"/>
      <c r="I63" s="33"/>
      <c r="J63" s="59"/>
      <c r="K63" s="132"/>
      <c r="L63" s="33"/>
      <c r="M63" s="133"/>
      <c r="N63" s="60"/>
      <c r="O63" s="61"/>
      <c r="P63" s="61"/>
      <c r="Q63" s="34"/>
      <c r="R63" s="33"/>
      <c r="S63" s="61"/>
      <c r="T63" s="134"/>
      <c r="U63" s="61"/>
      <c r="V63" s="59"/>
      <c r="W63" s="60"/>
      <c r="X63" s="60"/>
      <c r="Y63" s="60"/>
      <c r="Z63" s="135"/>
      <c r="AA63" s="27"/>
      <c r="AB63" s="27"/>
      <c r="AC63" s="27"/>
      <c r="AD63" s="28"/>
      <c r="AE63" s="29"/>
      <c r="AF63" s="29"/>
      <c r="AG63" s="29"/>
      <c r="AH63" s="27"/>
      <c r="AI63" s="27"/>
      <c r="AJ63" s="27"/>
      <c r="AK63" s="27"/>
      <c r="AL63" s="28"/>
      <c r="AM63" s="29"/>
      <c r="AN63" s="29"/>
      <c r="AO63" s="30"/>
    </row>
    <row r="64" spans="1:41" s="46" customFormat="1" ht="9.75" customHeight="1">
      <c r="A64" s="80"/>
      <c r="B64" s="142"/>
      <c r="C64" s="52"/>
      <c r="D64" s="142"/>
      <c r="E64" s="52"/>
      <c r="F64" s="76"/>
      <c r="G64" s="82"/>
      <c r="H64" s="83"/>
      <c r="I64" s="82"/>
      <c r="J64" s="83"/>
      <c r="K64" s="143"/>
      <c r="L64" s="82"/>
      <c r="M64" s="144"/>
      <c r="N64" s="84"/>
      <c r="O64" s="85"/>
      <c r="P64" s="85"/>
      <c r="Q64" s="86"/>
      <c r="R64" s="82"/>
      <c r="S64" s="85"/>
      <c r="T64" s="145"/>
      <c r="U64" s="85"/>
      <c r="V64" s="83"/>
      <c r="W64" s="84"/>
      <c r="X64" s="84"/>
      <c r="Y64" s="84"/>
      <c r="Z64" s="146" t="s">
        <v>3</v>
      </c>
      <c r="AA64" s="89"/>
      <c r="AB64" s="89"/>
      <c r="AC64" s="89"/>
      <c r="AD64" s="90"/>
      <c r="AE64" s="91"/>
      <c r="AF64" s="91"/>
      <c r="AG64" s="91"/>
      <c r="AH64" s="89"/>
      <c r="AI64" s="89"/>
      <c r="AJ64" s="89"/>
      <c r="AK64" s="89"/>
      <c r="AL64" s="90"/>
      <c r="AM64" s="91"/>
      <c r="AN64" s="91"/>
      <c r="AO64" s="92"/>
    </row>
    <row r="65" spans="1:41" s="46" customFormat="1" ht="9.75" customHeight="1">
      <c r="A65" s="181" t="s">
        <v>129</v>
      </c>
      <c r="B65" s="182"/>
      <c r="C65" s="183"/>
      <c r="D65" s="183"/>
      <c r="E65" s="183"/>
      <c r="F65" s="184"/>
      <c r="G65" s="230" t="s">
        <v>608</v>
      </c>
      <c r="H65" s="231"/>
      <c r="I65" s="35"/>
      <c r="J65" s="36" t="s">
        <v>30</v>
      </c>
      <c r="K65" s="37" t="s">
        <v>30</v>
      </c>
      <c r="L65" s="35"/>
      <c r="M65" s="36" t="s">
        <v>30</v>
      </c>
      <c r="N65" s="124" t="s">
        <v>608</v>
      </c>
      <c r="O65" s="147"/>
      <c r="P65" s="38"/>
      <c r="Q65" s="39"/>
      <c r="R65" s="35"/>
      <c r="S65" s="38"/>
      <c r="T65" s="148" t="s">
        <v>619</v>
      </c>
      <c r="U65" s="38"/>
      <c r="V65" s="36" t="s">
        <v>30</v>
      </c>
      <c r="W65" s="37" t="s">
        <v>30</v>
      </c>
      <c r="X65" s="36" t="s">
        <v>30</v>
      </c>
      <c r="Y65" s="37" t="s">
        <v>620</v>
      </c>
      <c r="Z65" s="149"/>
      <c r="AA65" s="43"/>
      <c r="AB65" s="43"/>
      <c r="AC65" s="43"/>
      <c r="AD65" s="43"/>
      <c r="AE65" s="44"/>
      <c r="AF65" s="44"/>
      <c r="AG65" s="44"/>
      <c r="AH65" s="42"/>
      <c r="AI65" s="42"/>
      <c r="AJ65" s="42"/>
      <c r="AK65" s="42"/>
      <c r="AL65" s="43"/>
      <c r="AM65" s="43"/>
      <c r="AN65" s="43"/>
      <c r="AO65" s="45"/>
    </row>
    <row r="66" spans="1:41" s="46" customFormat="1" ht="9.75" customHeight="1">
      <c r="A66" s="93"/>
      <c r="B66" s="150"/>
      <c r="C66" s="98"/>
      <c r="D66" s="150"/>
      <c r="E66" s="98"/>
      <c r="F66" s="99"/>
      <c r="G66" s="95"/>
      <c r="H66" s="96"/>
      <c r="I66" s="95"/>
      <c r="J66" s="96"/>
      <c r="K66" s="151"/>
      <c r="L66" s="95"/>
      <c r="M66" s="152"/>
      <c r="N66" s="97"/>
      <c r="O66" s="98"/>
      <c r="P66" s="98"/>
      <c r="Q66" s="99"/>
      <c r="R66" s="95"/>
      <c r="S66" s="98"/>
      <c r="T66" s="153"/>
      <c r="U66" s="98"/>
      <c r="V66" s="96"/>
      <c r="W66" s="97"/>
      <c r="X66" s="97"/>
      <c r="Y66" s="97"/>
      <c r="Z66" s="154"/>
      <c r="AA66" s="102"/>
      <c r="AB66" s="102"/>
      <c r="AC66" s="102"/>
      <c r="AD66" s="103"/>
      <c r="AE66" s="104"/>
      <c r="AF66" s="104"/>
      <c r="AG66" s="104"/>
      <c r="AH66" s="102"/>
      <c r="AI66" s="102"/>
      <c r="AJ66" s="102"/>
      <c r="AK66" s="102"/>
      <c r="AL66" s="103"/>
      <c r="AM66" s="104"/>
      <c r="AN66" s="104"/>
      <c r="AO66" s="155"/>
    </row>
    <row r="67" spans="1:41" ht="9.75" customHeight="1">
      <c r="A67" s="105"/>
      <c r="B67" s="106"/>
      <c r="C67" s="106"/>
      <c r="D67" s="106"/>
      <c r="E67" s="106"/>
      <c r="F67" s="106"/>
      <c r="G67" s="106"/>
      <c r="H67" s="106"/>
      <c r="I67" s="106"/>
      <c r="J67" s="106"/>
      <c r="K67" s="106"/>
      <c r="L67" s="106"/>
      <c r="M67" s="106"/>
      <c r="N67" s="106"/>
      <c r="O67" s="106"/>
      <c r="P67" s="106"/>
      <c r="Q67" s="106"/>
      <c r="R67" s="106"/>
      <c r="S67" s="106"/>
      <c r="T67" s="106"/>
      <c r="U67" s="106"/>
      <c r="V67" s="106"/>
      <c r="W67" s="106"/>
      <c r="X67" s="106"/>
      <c r="Y67" s="106"/>
      <c r="Z67" s="107"/>
      <c r="AA67" s="107"/>
      <c r="AB67" s="107"/>
      <c r="AC67" s="107"/>
      <c r="AD67" s="107"/>
      <c r="AE67" s="107"/>
      <c r="AF67" s="107"/>
      <c r="AG67" s="107"/>
      <c r="AH67" s="107"/>
      <c r="AI67" s="107"/>
      <c r="AJ67" s="107"/>
      <c r="AK67" s="107"/>
      <c r="AL67" s="107"/>
      <c r="AM67" s="107"/>
      <c r="AN67" s="107"/>
      <c r="AO67" s="108"/>
    </row>
    <row r="68" spans="1:41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1"/>
    </row>
    <row r="69" spans="1:41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0"/>
      <c r="AN69" s="110"/>
      <c r="AO69" s="111"/>
    </row>
    <row r="70" spans="1:41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0"/>
      <c r="AN70" s="110"/>
      <c r="AO70" s="111"/>
    </row>
    <row r="71" spans="1:41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1"/>
    </row>
    <row r="72" spans="1:41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1"/>
    </row>
    <row r="73" spans="1:41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0"/>
      <c r="AN73" s="110"/>
      <c r="AO73" s="111"/>
    </row>
    <row r="74" spans="1:41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0"/>
      <c r="AN74" s="110"/>
      <c r="AO74" s="111"/>
    </row>
    <row r="75" spans="1:41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1"/>
    </row>
    <row r="76" spans="1:41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0"/>
      <c r="AN76" s="110"/>
      <c r="AO76" s="111"/>
    </row>
    <row r="77" spans="1:41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0"/>
      <c r="AN77" s="110"/>
      <c r="AO77" s="111"/>
    </row>
    <row r="78" spans="1:41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0"/>
      <c r="AN78" s="110"/>
      <c r="AO78" s="111"/>
    </row>
    <row r="79" spans="1:41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1"/>
    </row>
    <row r="80" spans="1:41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1"/>
    </row>
    <row r="81" spans="1:41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0"/>
      <c r="AN81" s="110"/>
      <c r="AO81" s="111"/>
    </row>
    <row r="82" spans="1:41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0"/>
      <c r="AN82" s="110"/>
      <c r="AO82" s="111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59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C22:C24"/>
    <mergeCell ref="D22:D24"/>
    <mergeCell ref="E25:E27"/>
    <mergeCell ref="F25:F27"/>
    <mergeCell ref="P28:P30"/>
    <mergeCell ref="Q28:Q30"/>
    <mergeCell ref="P31:P33"/>
    <mergeCell ref="Q31:Q33"/>
    <mergeCell ref="P34:P36"/>
    <mergeCell ref="Q34:Q36"/>
    <mergeCell ref="P37:P39"/>
    <mergeCell ref="Q37:Q39"/>
    <mergeCell ref="C40:C42"/>
    <mergeCell ref="D40:D42"/>
    <mergeCell ref="P55:P57"/>
    <mergeCell ref="Q55:Q57"/>
    <mergeCell ref="C58:C60"/>
    <mergeCell ref="D58:D60"/>
    <mergeCell ref="E43:E45"/>
    <mergeCell ref="F43:F45"/>
    <mergeCell ref="P46:P48"/>
    <mergeCell ref="Q46:Q48"/>
    <mergeCell ref="C49:C51"/>
    <mergeCell ref="D49:D51"/>
    <mergeCell ref="E61:E63"/>
    <mergeCell ref="F61:F63"/>
    <mergeCell ref="A65:F65"/>
    <mergeCell ref="G65:H65"/>
    <mergeCell ref="E52:E54"/>
    <mergeCell ref="F52:F54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637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638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194" t="s">
        <v>639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640</v>
      </c>
      <c r="I12" s="35" t="s">
        <v>133</v>
      </c>
      <c r="J12" s="36" t="s">
        <v>641</v>
      </c>
      <c r="K12" s="37" t="s">
        <v>30</v>
      </c>
      <c r="L12" s="37" t="s">
        <v>642</v>
      </c>
      <c r="M12" s="38"/>
      <c r="N12" s="38"/>
      <c r="O12" s="39"/>
      <c r="P12" s="35"/>
      <c r="Q12" s="36"/>
      <c r="R12" s="35" t="s">
        <v>643</v>
      </c>
      <c r="S12" s="40"/>
      <c r="T12" s="41" t="s">
        <v>643</v>
      </c>
      <c r="U12" s="36" t="s">
        <v>30</v>
      </c>
      <c r="V12" s="35"/>
      <c r="W12" s="36" t="s">
        <v>3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78" t="s">
        <v>179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644</v>
      </c>
      <c r="I15" s="33" t="s">
        <v>133</v>
      </c>
      <c r="J15" s="59" t="s">
        <v>641</v>
      </c>
      <c r="K15" s="60" t="s">
        <v>30</v>
      </c>
      <c r="L15" s="60" t="s">
        <v>645</v>
      </c>
      <c r="M15" s="61"/>
      <c r="N15" s="61"/>
      <c r="O15" s="34"/>
      <c r="P15" s="33"/>
      <c r="Q15" s="59"/>
      <c r="R15" s="33" t="s">
        <v>643</v>
      </c>
      <c r="S15" s="62"/>
      <c r="T15" s="63" t="s">
        <v>643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183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644</v>
      </c>
      <c r="I18" s="33" t="s">
        <v>133</v>
      </c>
      <c r="J18" s="59" t="s">
        <v>641</v>
      </c>
      <c r="K18" s="60" t="s">
        <v>30</v>
      </c>
      <c r="L18" s="60" t="s">
        <v>645</v>
      </c>
      <c r="M18" s="61"/>
      <c r="N18" s="61"/>
      <c r="O18" s="34"/>
      <c r="P18" s="33"/>
      <c r="Q18" s="59"/>
      <c r="R18" s="33" t="s">
        <v>643</v>
      </c>
      <c r="S18" s="62"/>
      <c r="T18" s="63" t="s">
        <v>643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78" t="s">
        <v>184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645</v>
      </c>
      <c r="R21" s="33" t="s">
        <v>643</v>
      </c>
      <c r="S21" s="62"/>
      <c r="T21" s="63" t="s">
        <v>643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80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47"/>
      <c r="B23" s="75"/>
      <c r="C23" s="175" t="s">
        <v>36</v>
      </c>
      <c r="D23" s="178" t="s">
        <v>58</v>
      </c>
      <c r="E23" s="48"/>
      <c r="F23" s="49"/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176"/>
      <c r="D24" s="179"/>
      <c r="E24" s="33"/>
      <c r="F24" s="34"/>
      <c r="G24" s="33"/>
      <c r="H24" s="59" t="s">
        <v>292</v>
      </c>
      <c r="I24" s="33"/>
      <c r="J24" s="59" t="s">
        <v>30</v>
      </c>
      <c r="K24" s="60" t="s">
        <v>30</v>
      </c>
      <c r="L24" s="60" t="s">
        <v>292</v>
      </c>
      <c r="M24" s="61"/>
      <c r="N24" s="61"/>
      <c r="O24" s="58"/>
      <c r="P24" s="33"/>
      <c r="Q24" s="59"/>
      <c r="R24" s="33" t="s">
        <v>30</v>
      </c>
      <c r="S24" s="62"/>
      <c r="T24" s="63" t="s">
        <v>30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176"/>
      <c r="D25" s="179"/>
      <c r="E25" s="33"/>
      <c r="F25" s="34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175" t="s">
        <v>21</v>
      </c>
      <c r="F26" s="178" t="s">
        <v>61</v>
      </c>
      <c r="G26" s="48"/>
      <c r="H26" s="50"/>
      <c r="I26" s="48"/>
      <c r="J26" s="50"/>
      <c r="K26" s="51"/>
      <c r="L26" s="51"/>
      <c r="M26" s="52"/>
      <c r="N26" s="52"/>
      <c r="O26" s="49"/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176"/>
      <c r="F27" s="179"/>
      <c r="G27" s="33"/>
      <c r="H27" s="59" t="s">
        <v>292</v>
      </c>
      <c r="I27" s="33"/>
      <c r="J27" s="59" t="s">
        <v>30</v>
      </c>
      <c r="K27" s="60" t="s">
        <v>30</v>
      </c>
      <c r="L27" s="60" t="s">
        <v>292</v>
      </c>
      <c r="M27" s="61"/>
      <c r="N27" s="61"/>
      <c r="O27" s="34"/>
      <c r="P27" s="33"/>
      <c r="Q27" s="59"/>
      <c r="R27" s="33" t="s">
        <v>30</v>
      </c>
      <c r="S27" s="62"/>
      <c r="T27" s="63" t="s">
        <v>30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158"/>
      <c r="B28" s="65"/>
      <c r="C28" s="64"/>
      <c r="D28" s="77"/>
      <c r="E28" s="177"/>
      <c r="F28" s="180"/>
      <c r="G28" s="64"/>
      <c r="H28" s="66"/>
      <c r="I28" s="64"/>
      <c r="J28" s="66"/>
      <c r="K28" s="67"/>
      <c r="L28" s="67"/>
      <c r="M28" s="68"/>
      <c r="N28" s="68"/>
      <c r="O28" s="77"/>
      <c r="P28" s="64"/>
      <c r="Q28" s="66"/>
      <c r="R28" s="64"/>
      <c r="S28" s="69"/>
      <c r="T28" s="70"/>
      <c r="U28" s="66"/>
      <c r="V28" s="64"/>
      <c r="W28" s="66"/>
      <c r="X28" s="71"/>
      <c r="Y28" s="71"/>
      <c r="Z28" s="71"/>
      <c r="AA28" s="71"/>
      <c r="AB28" s="72"/>
      <c r="AC28" s="72"/>
      <c r="AD28" s="72"/>
      <c r="AE28" s="72"/>
      <c r="AF28" s="72"/>
      <c r="AG28" s="72"/>
      <c r="AH28" s="72"/>
      <c r="AI28" s="72"/>
      <c r="AJ28" s="72"/>
      <c r="AK28" s="73"/>
      <c r="AL28" s="73"/>
      <c r="AM28" s="74"/>
    </row>
    <row r="29" spans="1:39" s="46" customFormat="1" ht="9.75" customHeight="1">
      <c r="A29" s="80"/>
      <c r="B29" s="81"/>
      <c r="C29" s="81"/>
      <c r="D29" s="81"/>
      <c r="E29" s="81"/>
      <c r="F29" s="81"/>
      <c r="G29" s="82"/>
      <c r="H29" s="83"/>
      <c r="I29" s="82"/>
      <c r="J29" s="83"/>
      <c r="K29" s="84"/>
      <c r="L29" s="84"/>
      <c r="M29" s="85"/>
      <c r="N29" s="85"/>
      <c r="O29" s="86"/>
      <c r="P29" s="82"/>
      <c r="Q29" s="83"/>
      <c r="R29" s="82"/>
      <c r="S29" s="87"/>
      <c r="T29" s="88"/>
      <c r="U29" s="83"/>
      <c r="V29" s="82"/>
      <c r="W29" s="83"/>
      <c r="X29" s="89" t="s">
        <v>3</v>
      </c>
      <c r="Y29" s="89"/>
      <c r="Z29" s="89"/>
      <c r="AA29" s="89"/>
      <c r="AB29" s="90"/>
      <c r="AC29" s="90"/>
      <c r="AD29" s="90"/>
      <c r="AE29" s="90"/>
      <c r="AF29" s="90"/>
      <c r="AG29" s="90"/>
      <c r="AH29" s="90"/>
      <c r="AI29" s="90"/>
      <c r="AJ29" s="90"/>
      <c r="AK29" s="91"/>
      <c r="AL29" s="91"/>
      <c r="AM29" s="92"/>
    </row>
    <row r="30" spans="1:39" s="46" customFormat="1" ht="9.75" customHeight="1">
      <c r="A30" s="181" t="s">
        <v>65</v>
      </c>
      <c r="B30" s="182"/>
      <c r="C30" s="183"/>
      <c r="D30" s="183"/>
      <c r="E30" s="183"/>
      <c r="F30" s="184"/>
      <c r="G30" s="35"/>
      <c r="H30" s="36" t="s">
        <v>640</v>
      </c>
      <c r="I30" s="35" t="s">
        <v>133</v>
      </c>
      <c r="J30" s="36" t="s">
        <v>641</v>
      </c>
      <c r="K30" s="37" t="s">
        <v>30</v>
      </c>
      <c r="L30" s="37" t="s">
        <v>642</v>
      </c>
      <c r="M30" s="38"/>
      <c r="N30" s="38"/>
      <c r="O30" s="39"/>
      <c r="P30" s="35"/>
      <c r="Q30" s="36"/>
      <c r="R30" s="35" t="s">
        <v>643</v>
      </c>
      <c r="S30" s="40"/>
      <c r="T30" s="41" t="s">
        <v>643</v>
      </c>
      <c r="U30" s="36" t="s">
        <v>30</v>
      </c>
      <c r="V30" s="35"/>
      <c r="W30" s="36" t="s">
        <v>30</v>
      </c>
      <c r="X30" s="42"/>
      <c r="Y30" s="42"/>
      <c r="Z30" s="42"/>
      <c r="AA30" s="42"/>
      <c r="AB30" s="43"/>
      <c r="AC30" s="43"/>
      <c r="AD30" s="43"/>
      <c r="AE30" s="43"/>
      <c r="AF30" s="43"/>
      <c r="AG30" s="43"/>
      <c r="AH30" s="43"/>
      <c r="AI30" s="43"/>
      <c r="AJ30" s="43"/>
      <c r="AK30" s="44"/>
      <c r="AL30" s="44"/>
      <c r="AM30" s="45"/>
    </row>
    <row r="31" spans="1:39" s="46" customFormat="1" ht="9.75" customHeight="1">
      <c r="A31" s="93"/>
      <c r="B31" s="94"/>
      <c r="C31" s="94"/>
      <c r="D31" s="94"/>
      <c r="E31" s="94"/>
      <c r="F31" s="94"/>
      <c r="G31" s="95"/>
      <c r="H31" s="96"/>
      <c r="I31" s="95"/>
      <c r="J31" s="96"/>
      <c r="K31" s="97"/>
      <c r="L31" s="97"/>
      <c r="M31" s="98"/>
      <c r="N31" s="98"/>
      <c r="O31" s="99"/>
      <c r="P31" s="95"/>
      <c r="Q31" s="96"/>
      <c r="R31" s="95"/>
      <c r="S31" s="100"/>
      <c r="T31" s="101"/>
      <c r="U31" s="96"/>
      <c r="V31" s="95"/>
      <c r="W31" s="96"/>
      <c r="X31" s="102"/>
      <c r="Y31" s="102"/>
      <c r="Z31" s="102"/>
      <c r="AA31" s="102"/>
      <c r="AB31" s="103"/>
      <c r="AC31" s="103"/>
      <c r="AD31" s="103"/>
      <c r="AE31" s="103"/>
      <c r="AF31" s="103"/>
      <c r="AG31" s="103"/>
      <c r="AH31" s="103"/>
      <c r="AI31" s="103"/>
      <c r="AJ31" s="103"/>
      <c r="AK31" s="104"/>
      <c r="AL31" s="104"/>
      <c r="AM31" s="155"/>
    </row>
    <row r="32" spans="1:39" ht="9.75" customHeight="1">
      <c r="A32" s="105"/>
      <c r="B32" s="106"/>
      <c r="C32" s="106"/>
      <c r="D32" s="106"/>
      <c r="E32" s="106"/>
      <c r="F32" s="106"/>
      <c r="G32" s="106"/>
      <c r="H32" s="106"/>
      <c r="I32" s="106"/>
      <c r="J32" s="106"/>
      <c r="K32" s="106"/>
      <c r="L32" s="106"/>
      <c r="M32" s="106"/>
      <c r="N32" s="106"/>
      <c r="O32" s="106"/>
      <c r="P32" s="106"/>
      <c r="Q32" s="106"/>
      <c r="R32" s="106"/>
      <c r="S32" s="106"/>
      <c r="T32" s="106"/>
      <c r="U32" s="106"/>
      <c r="V32" s="106"/>
      <c r="W32" s="106"/>
      <c r="X32" s="107"/>
      <c r="Y32" s="107"/>
      <c r="Z32" s="107"/>
      <c r="AA32" s="107"/>
      <c r="AB32" s="107"/>
      <c r="AC32" s="107"/>
      <c r="AD32" s="107"/>
      <c r="AE32" s="107"/>
      <c r="AF32" s="107"/>
      <c r="AG32" s="107"/>
      <c r="AH32" s="107"/>
      <c r="AI32" s="107"/>
      <c r="AJ32" s="107"/>
      <c r="AK32" s="107"/>
      <c r="AL32" s="107"/>
      <c r="AM32" s="108"/>
    </row>
    <row r="33" spans="1:39" ht="9.75" customHeight="1">
      <c r="A33" s="109"/>
      <c r="B33" s="110"/>
      <c r="C33" s="110"/>
      <c r="D33" s="110"/>
      <c r="E33" s="110"/>
      <c r="F33" s="110"/>
      <c r="G33" s="110"/>
      <c r="H33" s="110"/>
      <c r="I33" s="110"/>
      <c r="J33" s="110"/>
      <c r="K33" s="110"/>
      <c r="L33" s="110"/>
      <c r="M33" s="110"/>
      <c r="N33" s="110"/>
      <c r="O33" s="110"/>
      <c r="P33" s="110"/>
      <c r="Q33" s="110"/>
      <c r="R33" s="110"/>
      <c r="S33" s="110"/>
      <c r="T33" s="110"/>
      <c r="U33" s="110"/>
      <c r="V33" s="110"/>
      <c r="W33" s="110"/>
      <c r="X33" s="110"/>
      <c r="Y33" s="110"/>
      <c r="Z33" s="110"/>
      <c r="AA33" s="110"/>
      <c r="AB33" s="110"/>
      <c r="AC33" s="110"/>
      <c r="AD33" s="110"/>
      <c r="AE33" s="110"/>
      <c r="AF33" s="110"/>
      <c r="AG33" s="110"/>
      <c r="AH33" s="110"/>
      <c r="AI33" s="110"/>
      <c r="AJ33" s="110"/>
      <c r="AK33" s="110"/>
      <c r="AL33" s="110"/>
      <c r="AM33" s="111"/>
    </row>
    <row r="34" spans="1:39" ht="9.75" customHeight="1">
      <c r="A34" s="109"/>
      <c r="B34" s="110"/>
      <c r="C34" s="110"/>
      <c r="D34" s="110"/>
      <c r="E34" s="110"/>
      <c r="F34" s="110"/>
      <c r="G34" s="110"/>
      <c r="H34" s="110"/>
      <c r="I34" s="110"/>
      <c r="J34" s="110"/>
      <c r="K34" s="110"/>
      <c r="L34" s="110"/>
      <c r="M34" s="110"/>
      <c r="N34" s="110"/>
      <c r="O34" s="110"/>
      <c r="P34" s="110"/>
      <c r="Q34" s="110"/>
      <c r="R34" s="110"/>
      <c r="S34" s="110"/>
      <c r="T34" s="110"/>
      <c r="U34" s="110"/>
      <c r="V34" s="110"/>
      <c r="W34" s="110"/>
      <c r="X34" s="110"/>
      <c r="Y34" s="110"/>
      <c r="Z34" s="110"/>
      <c r="AA34" s="110"/>
      <c r="AB34" s="110"/>
      <c r="AC34" s="110"/>
      <c r="AD34" s="110"/>
      <c r="AE34" s="110"/>
      <c r="AF34" s="110"/>
      <c r="AG34" s="110"/>
      <c r="AH34" s="110"/>
      <c r="AI34" s="110"/>
      <c r="AJ34" s="110"/>
      <c r="AK34" s="110"/>
      <c r="AL34" s="110"/>
      <c r="AM34" s="111"/>
    </row>
    <row r="35" spans="1:39" ht="9.75" customHeight="1">
      <c r="A35" s="109"/>
      <c r="B35" s="110"/>
      <c r="C35" s="110"/>
      <c r="D35" s="110"/>
      <c r="E35" s="110"/>
      <c r="F35" s="110"/>
      <c r="G35" s="110"/>
      <c r="H35" s="110"/>
      <c r="I35" s="110"/>
      <c r="J35" s="110"/>
      <c r="K35" s="110"/>
      <c r="L35" s="110"/>
      <c r="M35" s="110"/>
      <c r="N35" s="110"/>
      <c r="O35" s="110"/>
      <c r="P35" s="110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1"/>
    </row>
    <row r="36" spans="1:39" ht="9.75" customHeight="1">
      <c r="A36" s="109"/>
      <c r="B36" s="110"/>
      <c r="C36" s="110"/>
      <c r="D36" s="110"/>
      <c r="E36" s="110"/>
      <c r="F36" s="110"/>
      <c r="G36" s="110"/>
      <c r="H36" s="110"/>
      <c r="I36" s="110"/>
      <c r="J36" s="110"/>
      <c r="K36" s="110"/>
      <c r="L36" s="110"/>
      <c r="M36" s="110"/>
      <c r="N36" s="110"/>
      <c r="O36" s="110"/>
      <c r="P36" s="110"/>
      <c r="Q36" s="110"/>
      <c r="R36" s="110"/>
      <c r="S36" s="110"/>
      <c r="T36" s="110"/>
      <c r="U36" s="110"/>
      <c r="V36" s="110"/>
      <c r="W36" s="110"/>
      <c r="X36" s="110"/>
      <c r="Y36" s="110"/>
      <c r="Z36" s="110"/>
      <c r="AA36" s="110"/>
      <c r="AB36" s="110"/>
      <c r="AC36" s="110"/>
      <c r="AD36" s="110"/>
      <c r="AE36" s="110"/>
      <c r="AF36" s="110"/>
      <c r="AG36" s="110"/>
      <c r="AH36" s="110"/>
      <c r="AI36" s="110"/>
      <c r="AJ36" s="110"/>
      <c r="AK36" s="110"/>
      <c r="AL36" s="110"/>
      <c r="AM36" s="111"/>
    </row>
    <row r="37" spans="1:39" ht="9.75" customHeight="1">
      <c r="A37" s="109"/>
      <c r="B37" s="110"/>
      <c r="C37" s="110"/>
      <c r="D37" s="110"/>
      <c r="E37" s="110"/>
      <c r="F37" s="110"/>
      <c r="G37" s="110"/>
      <c r="H37" s="110"/>
      <c r="I37" s="110"/>
      <c r="J37" s="110"/>
      <c r="K37" s="110"/>
      <c r="L37" s="110"/>
      <c r="M37" s="110"/>
      <c r="N37" s="110"/>
      <c r="O37" s="110"/>
      <c r="P37" s="110"/>
      <c r="Q37" s="110"/>
      <c r="R37" s="110"/>
      <c r="S37" s="110"/>
      <c r="T37" s="110"/>
      <c r="U37" s="110"/>
      <c r="V37" s="110"/>
      <c r="W37" s="110"/>
      <c r="X37" s="110"/>
      <c r="Y37" s="110"/>
      <c r="Z37" s="110"/>
      <c r="AA37" s="110"/>
      <c r="AB37" s="110"/>
      <c r="AC37" s="110"/>
      <c r="AD37" s="110"/>
      <c r="AE37" s="110"/>
      <c r="AF37" s="110"/>
      <c r="AG37" s="110"/>
      <c r="AH37" s="110"/>
      <c r="AI37" s="110"/>
      <c r="AJ37" s="110"/>
      <c r="AK37" s="110"/>
      <c r="AL37" s="110"/>
      <c r="AM37" s="111"/>
    </row>
    <row r="38" spans="1:39" ht="9.75" customHeight="1">
      <c r="A38" s="109"/>
      <c r="B38" s="110"/>
      <c r="C38" s="110"/>
      <c r="D38" s="110"/>
      <c r="E38" s="110"/>
      <c r="F38" s="110"/>
      <c r="G38" s="110"/>
      <c r="H38" s="110"/>
      <c r="I38" s="110"/>
      <c r="J38" s="110"/>
      <c r="K38" s="110"/>
      <c r="L38" s="110"/>
      <c r="M38" s="110"/>
      <c r="N38" s="110"/>
      <c r="O38" s="110"/>
      <c r="P38" s="110"/>
      <c r="Q38" s="110"/>
      <c r="R38" s="110"/>
      <c r="S38" s="110"/>
      <c r="T38" s="110"/>
      <c r="U38" s="110"/>
      <c r="V38" s="110"/>
      <c r="W38" s="110"/>
      <c r="X38" s="110"/>
      <c r="Y38" s="110"/>
      <c r="Z38" s="110"/>
      <c r="AA38" s="110"/>
      <c r="AB38" s="110"/>
      <c r="AC38" s="110"/>
      <c r="AD38" s="110"/>
      <c r="AE38" s="110"/>
      <c r="AF38" s="110"/>
      <c r="AG38" s="110"/>
      <c r="AH38" s="110"/>
      <c r="AI38" s="110"/>
      <c r="AJ38" s="110"/>
      <c r="AK38" s="110"/>
      <c r="AL38" s="110"/>
      <c r="AM38" s="111"/>
    </row>
    <row r="39" spans="1:39" ht="9.75" customHeight="1">
      <c r="A39" s="109"/>
      <c r="B39" s="110"/>
      <c r="C39" s="110"/>
      <c r="D39" s="110"/>
      <c r="E39" s="110"/>
      <c r="F39" s="110"/>
      <c r="G39" s="110"/>
      <c r="H39" s="110"/>
      <c r="I39" s="110"/>
      <c r="J39" s="110"/>
      <c r="K39" s="110"/>
      <c r="L39" s="110"/>
      <c r="M39" s="110"/>
      <c r="N39" s="110"/>
      <c r="O39" s="110"/>
      <c r="P39" s="110"/>
      <c r="Q39" s="110"/>
      <c r="R39" s="110"/>
      <c r="S39" s="110"/>
      <c r="T39" s="110"/>
      <c r="U39" s="110"/>
      <c r="V39" s="110"/>
      <c r="W39" s="110"/>
      <c r="X39" s="110"/>
      <c r="Y39" s="110"/>
      <c r="Z39" s="110"/>
      <c r="AA39" s="110"/>
      <c r="AB39" s="110"/>
      <c r="AC39" s="110"/>
      <c r="AD39" s="110"/>
      <c r="AE39" s="110"/>
      <c r="AF39" s="110"/>
      <c r="AG39" s="110"/>
      <c r="AH39" s="110"/>
      <c r="AI39" s="110"/>
      <c r="AJ39" s="110"/>
      <c r="AK39" s="110"/>
      <c r="AL39" s="110"/>
      <c r="AM39" s="111"/>
    </row>
    <row r="40" spans="1:39" ht="9.75" customHeight="1">
      <c r="A40" s="109"/>
      <c r="B40" s="110"/>
      <c r="C40" s="110"/>
      <c r="D40" s="110"/>
      <c r="E40" s="110"/>
      <c r="F40" s="110"/>
      <c r="G40" s="110"/>
      <c r="H40" s="110"/>
      <c r="I40" s="110"/>
      <c r="J40" s="110"/>
      <c r="K40" s="110"/>
      <c r="L40" s="110"/>
      <c r="M40" s="110"/>
      <c r="N40" s="110"/>
      <c r="O40" s="110"/>
      <c r="P40" s="110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0"/>
      <c r="AJ40" s="110"/>
      <c r="AK40" s="110"/>
      <c r="AL40" s="110"/>
      <c r="AM40" s="111"/>
    </row>
    <row r="41" spans="1:39" ht="9.75" customHeight="1">
      <c r="A41" s="109"/>
      <c r="B41" s="110"/>
      <c r="C41" s="110"/>
      <c r="D41" s="110"/>
      <c r="E41" s="110"/>
      <c r="F41" s="110"/>
      <c r="G41" s="110"/>
      <c r="H41" s="110"/>
      <c r="I41" s="110"/>
      <c r="J41" s="110"/>
      <c r="K41" s="110"/>
      <c r="L41" s="110"/>
      <c r="M41" s="110"/>
      <c r="N41" s="110"/>
      <c r="O41" s="110"/>
      <c r="P41" s="110"/>
      <c r="Q41" s="110"/>
      <c r="R41" s="110"/>
      <c r="S41" s="110"/>
      <c r="T41" s="110"/>
      <c r="U41" s="110"/>
      <c r="V41" s="110"/>
      <c r="W41" s="110"/>
      <c r="X41" s="110"/>
      <c r="Y41" s="110"/>
      <c r="Z41" s="110"/>
      <c r="AA41" s="110"/>
      <c r="AB41" s="110"/>
      <c r="AC41" s="110"/>
      <c r="AD41" s="110"/>
      <c r="AE41" s="110"/>
      <c r="AF41" s="110"/>
      <c r="AG41" s="110"/>
      <c r="AH41" s="110"/>
      <c r="AI41" s="110"/>
      <c r="AJ41" s="110"/>
      <c r="AK41" s="110"/>
      <c r="AL41" s="110"/>
      <c r="AM41" s="111"/>
    </row>
    <row r="42" spans="1:39" ht="9.75" customHeight="1">
      <c r="A42" s="109"/>
      <c r="B42" s="110"/>
      <c r="C42" s="110"/>
      <c r="D42" s="110"/>
      <c r="E42" s="110"/>
      <c r="F42" s="110"/>
      <c r="G42" s="110"/>
      <c r="H42" s="110"/>
      <c r="I42" s="110"/>
      <c r="J42" s="110"/>
      <c r="K42" s="110"/>
      <c r="L42" s="110"/>
      <c r="M42" s="110"/>
      <c r="N42" s="110"/>
      <c r="O42" s="110"/>
      <c r="P42" s="110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1"/>
    </row>
    <row r="43" spans="1:39" ht="9.75" customHeight="1">
      <c r="A43" s="109"/>
      <c r="B43" s="110"/>
      <c r="C43" s="110"/>
      <c r="D43" s="110"/>
      <c r="E43" s="110"/>
      <c r="F43" s="110"/>
      <c r="G43" s="110"/>
      <c r="H43" s="110"/>
      <c r="I43" s="110"/>
      <c r="J43" s="110"/>
      <c r="K43" s="110"/>
      <c r="L43" s="110"/>
      <c r="M43" s="110"/>
      <c r="N43" s="110"/>
      <c r="O43" s="110"/>
      <c r="P43" s="110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1"/>
    </row>
    <row r="44" spans="1:39" ht="9.75" customHeight="1">
      <c r="A44" s="109"/>
      <c r="B44" s="110"/>
      <c r="C44" s="110"/>
      <c r="D44" s="110"/>
      <c r="E44" s="110"/>
      <c r="F44" s="110"/>
      <c r="G44" s="110"/>
      <c r="H44" s="110"/>
      <c r="I44" s="110"/>
      <c r="J44" s="110"/>
      <c r="K44" s="110"/>
      <c r="L44" s="110"/>
      <c r="M44" s="110"/>
      <c r="N44" s="110"/>
      <c r="O44" s="110"/>
      <c r="P44" s="110"/>
      <c r="Q44" s="110"/>
      <c r="R44" s="110"/>
      <c r="S44" s="110"/>
      <c r="T44" s="110"/>
      <c r="U44" s="110"/>
      <c r="V44" s="110"/>
      <c r="W44" s="110"/>
      <c r="X44" s="110"/>
      <c r="Y44" s="110"/>
      <c r="Z44" s="110"/>
      <c r="AA44" s="110"/>
      <c r="AB44" s="110"/>
      <c r="AC44" s="110"/>
      <c r="AD44" s="110"/>
      <c r="AE44" s="110"/>
      <c r="AF44" s="110"/>
      <c r="AG44" s="110"/>
      <c r="AH44" s="110"/>
      <c r="AI44" s="110"/>
      <c r="AJ44" s="110"/>
      <c r="AK44" s="110"/>
      <c r="AL44" s="110"/>
      <c r="AM44" s="111"/>
    </row>
    <row r="45" spans="1:39" ht="9.75" customHeight="1">
      <c r="A45" s="109"/>
      <c r="B45" s="110"/>
      <c r="C45" s="110"/>
      <c r="D45" s="110"/>
      <c r="E45" s="110"/>
      <c r="F45" s="110"/>
      <c r="G45" s="110"/>
      <c r="H45" s="110"/>
      <c r="I45" s="110"/>
      <c r="J45" s="110"/>
      <c r="K45" s="110"/>
      <c r="L45" s="110"/>
      <c r="M45" s="110"/>
      <c r="N45" s="110"/>
      <c r="O45" s="110"/>
      <c r="P45" s="110"/>
      <c r="Q45" s="110"/>
      <c r="R45" s="110"/>
      <c r="S45" s="110"/>
      <c r="T45" s="110"/>
      <c r="U45" s="110"/>
      <c r="V45" s="110"/>
      <c r="W45" s="110"/>
      <c r="X45" s="110"/>
      <c r="Y45" s="110"/>
      <c r="Z45" s="110"/>
      <c r="AA45" s="110"/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0"/>
      <c r="AM45" s="111"/>
    </row>
    <row r="46" spans="1:39" ht="9.75" customHeight="1">
      <c r="A46" s="109"/>
      <c r="B46" s="110"/>
      <c r="C46" s="110"/>
      <c r="D46" s="110"/>
      <c r="E46" s="110"/>
      <c r="F46" s="110"/>
      <c r="G46" s="110"/>
      <c r="H46" s="110"/>
      <c r="I46" s="110"/>
      <c r="J46" s="110"/>
      <c r="K46" s="110"/>
      <c r="L46" s="110"/>
      <c r="M46" s="110"/>
      <c r="N46" s="110"/>
      <c r="O46" s="110"/>
      <c r="P46" s="110"/>
      <c r="Q46" s="110"/>
      <c r="R46" s="110"/>
      <c r="S46" s="110"/>
      <c r="T46" s="110"/>
      <c r="U46" s="110"/>
      <c r="V46" s="110"/>
      <c r="W46" s="110"/>
      <c r="X46" s="110"/>
      <c r="Y46" s="110"/>
      <c r="Z46" s="110"/>
      <c r="AA46" s="110"/>
      <c r="AB46" s="110"/>
      <c r="AC46" s="110"/>
      <c r="AD46" s="110"/>
      <c r="AE46" s="110"/>
      <c r="AF46" s="110"/>
      <c r="AG46" s="110"/>
      <c r="AH46" s="110"/>
      <c r="AI46" s="110"/>
      <c r="AJ46" s="110"/>
      <c r="AK46" s="110"/>
      <c r="AL46" s="110"/>
      <c r="AM46" s="111"/>
    </row>
    <row r="47" spans="1:39" ht="9.75" customHeight="1">
      <c r="A47" s="109"/>
      <c r="B47" s="110"/>
      <c r="C47" s="110"/>
      <c r="D47" s="110"/>
      <c r="E47" s="110"/>
      <c r="F47" s="110"/>
      <c r="G47" s="110"/>
      <c r="H47" s="110"/>
      <c r="I47" s="110"/>
      <c r="J47" s="110"/>
      <c r="K47" s="110"/>
      <c r="L47" s="110"/>
      <c r="M47" s="110"/>
      <c r="N47" s="110"/>
      <c r="O47" s="110"/>
      <c r="P47" s="110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1"/>
    </row>
    <row r="48" spans="1:39" ht="9.75" customHeight="1">
      <c r="A48" s="109"/>
      <c r="B48" s="110"/>
      <c r="C48" s="110"/>
      <c r="D48" s="110"/>
      <c r="E48" s="110"/>
      <c r="F48" s="110"/>
      <c r="G48" s="110"/>
      <c r="H48" s="110"/>
      <c r="I48" s="110"/>
      <c r="J48" s="110"/>
      <c r="K48" s="110"/>
      <c r="L48" s="110"/>
      <c r="M48" s="110"/>
      <c r="N48" s="110"/>
      <c r="O48" s="110"/>
      <c r="P48" s="110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1"/>
    </row>
    <row r="49" spans="1:39" ht="9.75" customHeight="1">
      <c r="A49" s="109"/>
      <c r="B49" s="110"/>
      <c r="C49" s="110"/>
      <c r="D49" s="110"/>
      <c r="E49" s="110"/>
      <c r="F49" s="110"/>
      <c r="G49" s="110"/>
      <c r="H49" s="110"/>
      <c r="I49" s="110"/>
      <c r="J49" s="110"/>
      <c r="K49" s="110"/>
      <c r="L49" s="110"/>
      <c r="M49" s="110"/>
      <c r="N49" s="110"/>
      <c r="O49" s="110"/>
      <c r="P49" s="110"/>
      <c r="Q49" s="110"/>
      <c r="R49" s="110"/>
      <c r="S49" s="110"/>
      <c r="T49" s="110"/>
      <c r="U49" s="110"/>
      <c r="V49" s="110"/>
      <c r="W49" s="110"/>
      <c r="X49" s="110"/>
      <c r="Y49" s="110"/>
      <c r="Z49" s="110"/>
      <c r="AA49" s="110"/>
      <c r="AB49" s="110"/>
      <c r="AC49" s="110"/>
      <c r="AD49" s="110"/>
      <c r="AE49" s="110"/>
      <c r="AF49" s="110"/>
      <c r="AG49" s="110"/>
      <c r="AH49" s="110"/>
      <c r="AI49" s="110"/>
      <c r="AJ49" s="110"/>
      <c r="AK49" s="110"/>
      <c r="AL49" s="110"/>
      <c r="AM49" s="111"/>
    </row>
    <row r="50" spans="1:39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1"/>
    </row>
    <row r="51" spans="1:39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1"/>
    </row>
    <row r="52" spans="1:39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1"/>
    </row>
    <row r="53" spans="1:39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1"/>
    </row>
    <row r="54" spans="1:39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1"/>
    </row>
    <row r="55" spans="1:39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1"/>
    </row>
    <row r="56" spans="1:39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1"/>
    </row>
    <row r="57" spans="1:39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1"/>
    </row>
    <row r="58" spans="1:39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1"/>
    </row>
    <row r="59" spans="1:39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1"/>
    </row>
    <row r="60" spans="1:39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1"/>
    </row>
    <row r="61" spans="1:39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1"/>
    </row>
    <row r="62" spans="1:39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1"/>
    </row>
    <row r="63" spans="1:39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1"/>
    </row>
    <row r="64" spans="1:39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1"/>
    </row>
    <row r="65" spans="1:39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1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31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A30:F30"/>
    <mergeCell ref="N20:N22"/>
    <mergeCell ref="O20:O22"/>
    <mergeCell ref="C23:C25"/>
    <mergeCell ref="D23:D25"/>
    <mergeCell ref="E26:E28"/>
    <mergeCell ref="F26:F28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2" max="84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69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194" t="s">
        <v>78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79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25</v>
      </c>
      <c r="I11" s="35"/>
      <c r="J11" s="36" t="s">
        <v>26</v>
      </c>
      <c r="K11" s="124" t="s">
        <v>27</v>
      </c>
      <c r="L11" s="35"/>
      <c r="M11" s="125" t="s">
        <v>30</v>
      </c>
      <c r="N11" s="37" t="s">
        <v>28</v>
      </c>
      <c r="O11" s="38"/>
      <c r="P11" s="186"/>
      <c r="Q11" s="234"/>
      <c r="R11" s="35"/>
      <c r="S11" s="38"/>
      <c r="T11" s="126" t="s">
        <v>80</v>
      </c>
      <c r="U11" s="38"/>
      <c r="V11" s="36" t="s">
        <v>30</v>
      </c>
      <c r="W11" s="37" t="s">
        <v>81</v>
      </c>
      <c r="X11" s="37" t="s">
        <v>30</v>
      </c>
      <c r="Y11" s="37" t="s">
        <v>82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 t="s">
        <v>83</v>
      </c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88" t="s">
        <v>84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79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85</v>
      </c>
      <c r="I14" s="33"/>
      <c r="J14" s="59" t="s">
        <v>26</v>
      </c>
      <c r="K14" s="132" t="s">
        <v>27</v>
      </c>
      <c r="L14" s="33"/>
      <c r="M14" s="133" t="s">
        <v>30</v>
      </c>
      <c r="N14" s="60" t="s">
        <v>86</v>
      </c>
      <c r="O14" s="61"/>
      <c r="P14" s="61"/>
      <c r="Q14" s="34"/>
      <c r="R14" s="33"/>
      <c r="S14" s="61"/>
      <c r="T14" s="134" t="s">
        <v>87</v>
      </c>
      <c r="U14" s="61"/>
      <c r="V14" s="59" t="s">
        <v>30</v>
      </c>
      <c r="W14" s="60" t="s">
        <v>81</v>
      </c>
      <c r="X14" s="60" t="s">
        <v>30</v>
      </c>
      <c r="Y14" s="60" t="s">
        <v>88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 t="s">
        <v>83</v>
      </c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88" t="s">
        <v>84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79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79"/>
      <c r="G17" s="33"/>
      <c r="H17" s="59" t="s">
        <v>85</v>
      </c>
      <c r="I17" s="33"/>
      <c r="J17" s="59" t="s">
        <v>26</v>
      </c>
      <c r="K17" s="132" t="s">
        <v>27</v>
      </c>
      <c r="L17" s="33"/>
      <c r="M17" s="133" t="s">
        <v>30</v>
      </c>
      <c r="N17" s="60" t="s">
        <v>86</v>
      </c>
      <c r="O17" s="61"/>
      <c r="P17" s="61"/>
      <c r="Q17" s="34"/>
      <c r="R17" s="33"/>
      <c r="S17" s="61"/>
      <c r="T17" s="134" t="s">
        <v>87</v>
      </c>
      <c r="U17" s="61"/>
      <c r="V17" s="59" t="s">
        <v>30</v>
      </c>
      <c r="W17" s="60" t="s">
        <v>81</v>
      </c>
      <c r="X17" s="60" t="s">
        <v>30</v>
      </c>
      <c r="Y17" s="60" t="s">
        <v>88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 t="s">
        <v>83</v>
      </c>
    </row>
    <row r="18" spans="1:41" s="46" customFormat="1" ht="9.75" customHeight="1">
      <c r="A18" s="57"/>
      <c r="B18" s="131"/>
      <c r="C18" s="33"/>
      <c r="D18" s="131"/>
      <c r="E18" s="176"/>
      <c r="F18" s="179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58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89</v>
      </c>
      <c r="Q19" s="178" t="s">
        <v>90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91</v>
      </c>
      <c r="T20" s="134" t="s">
        <v>92</v>
      </c>
      <c r="U20" s="61"/>
      <c r="V20" s="59" t="s">
        <v>30</v>
      </c>
      <c r="W20" s="60" t="s">
        <v>30</v>
      </c>
      <c r="X20" s="60" t="s">
        <v>30</v>
      </c>
      <c r="Y20" s="60" t="s">
        <v>93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33"/>
      <c r="D21" s="131"/>
      <c r="E21" s="33"/>
      <c r="F21" s="58"/>
      <c r="G21" s="33"/>
      <c r="H21" s="59"/>
      <c r="I21" s="33"/>
      <c r="J21" s="59"/>
      <c r="K21" s="132"/>
      <c r="L21" s="33"/>
      <c r="M21" s="133"/>
      <c r="N21" s="60"/>
      <c r="O21" s="61"/>
      <c r="P21" s="187"/>
      <c r="Q21" s="180"/>
      <c r="R21" s="33"/>
      <c r="S21" s="61"/>
      <c r="T21" s="134"/>
      <c r="U21" s="61"/>
      <c r="V21" s="59"/>
      <c r="W21" s="60"/>
      <c r="X21" s="60"/>
      <c r="Y21" s="60"/>
      <c r="Z21" s="135"/>
      <c r="AA21" s="27"/>
      <c r="AB21" s="27"/>
      <c r="AC21" s="27"/>
      <c r="AD21" s="28"/>
      <c r="AE21" s="29"/>
      <c r="AF21" s="29"/>
      <c r="AG21" s="29"/>
      <c r="AH21" s="27"/>
      <c r="AI21" s="27"/>
      <c r="AJ21" s="27"/>
      <c r="AK21" s="27"/>
      <c r="AL21" s="28"/>
      <c r="AM21" s="29"/>
      <c r="AN21" s="29"/>
      <c r="AO21" s="30"/>
    </row>
    <row r="22" spans="1:41" s="46" customFormat="1" ht="9.75" customHeight="1">
      <c r="A22" s="57"/>
      <c r="B22" s="131"/>
      <c r="C22" s="33"/>
      <c r="D22" s="131"/>
      <c r="E22" s="33"/>
      <c r="F22" s="58"/>
      <c r="G22" s="33"/>
      <c r="H22" s="59"/>
      <c r="I22" s="33"/>
      <c r="J22" s="59"/>
      <c r="K22" s="132"/>
      <c r="L22" s="33"/>
      <c r="M22" s="133"/>
      <c r="N22" s="60"/>
      <c r="O22" s="61"/>
      <c r="P22" s="185" t="s">
        <v>94</v>
      </c>
      <c r="Q22" s="178" t="s">
        <v>95</v>
      </c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31"/>
      <c r="C23" s="33"/>
      <c r="D23" s="131"/>
      <c r="E23" s="33"/>
      <c r="F23" s="58"/>
      <c r="G23" s="33"/>
      <c r="H23" s="59"/>
      <c r="I23" s="33"/>
      <c r="J23" s="59"/>
      <c r="K23" s="132"/>
      <c r="L23" s="33"/>
      <c r="M23" s="133"/>
      <c r="N23" s="60"/>
      <c r="O23" s="61"/>
      <c r="P23" s="186"/>
      <c r="Q23" s="179"/>
      <c r="R23" s="33"/>
      <c r="S23" s="61" t="s">
        <v>96</v>
      </c>
      <c r="T23" s="134" t="s">
        <v>96</v>
      </c>
      <c r="U23" s="61"/>
      <c r="V23" s="59" t="s">
        <v>30</v>
      </c>
      <c r="W23" s="60" t="s">
        <v>30</v>
      </c>
      <c r="X23" s="60" t="s">
        <v>30</v>
      </c>
      <c r="Y23" s="60" t="s">
        <v>30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31"/>
      <c r="C24" s="33"/>
      <c r="D24" s="131"/>
      <c r="E24" s="33"/>
      <c r="F24" s="58"/>
      <c r="G24" s="33"/>
      <c r="H24" s="59"/>
      <c r="I24" s="33"/>
      <c r="J24" s="59"/>
      <c r="K24" s="132"/>
      <c r="L24" s="33"/>
      <c r="M24" s="133"/>
      <c r="N24" s="60"/>
      <c r="O24" s="61"/>
      <c r="P24" s="187"/>
      <c r="Q24" s="180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131"/>
      <c r="E25" s="33"/>
      <c r="F25" s="58"/>
      <c r="G25" s="33"/>
      <c r="H25" s="59"/>
      <c r="I25" s="33"/>
      <c r="J25" s="59"/>
      <c r="K25" s="132"/>
      <c r="L25" s="33"/>
      <c r="M25" s="133"/>
      <c r="N25" s="60"/>
      <c r="O25" s="61"/>
      <c r="P25" s="185" t="s">
        <v>97</v>
      </c>
      <c r="Q25" s="188" t="s">
        <v>98</v>
      </c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31"/>
      <c r="E26" s="33"/>
      <c r="F26" s="58"/>
      <c r="G26" s="33"/>
      <c r="H26" s="59"/>
      <c r="I26" s="33"/>
      <c r="J26" s="59"/>
      <c r="K26" s="132"/>
      <c r="L26" s="33"/>
      <c r="M26" s="133"/>
      <c r="N26" s="60"/>
      <c r="O26" s="61"/>
      <c r="P26" s="186"/>
      <c r="Q26" s="179"/>
      <c r="R26" s="33"/>
      <c r="S26" s="61" t="s">
        <v>99</v>
      </c>
      <c r="T26" s="134" t="s">
        <v>100</v>
      </c>
      <c r="U26" s="61"/>
      <c r="V26" s="59" t="s">
        <v>30</v>
      </c>
      <c r="W26" s="60" t="s">
        <v>30</v>
      </c>
      <c r="X26" s="60" t="s">
        <v>30</v>
      </c>
      <c r="Y26" s="60" t="s">
        <v>101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31"/>
      <c r="E27" s="33"/>
      <c r="F27" s="58"/>
      <c r="G27" s="33"/>
      <c r="H27" s="59"/>
      <c r="I27" s="33"/>
      <c r="J27" s="59"/>
      <c r="K27" s="132"/>
      <c r="L27" s="33"/>
      <c r="M27" s="133"/>
      <c r="N27" s="60"/>
      <c r="O27" s="61"/>
      <c r="P27" s="187"/>
      <c r="Q27" s="180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57"/>
      <c r="B28" s="131"/>
      <c r="C28" s="33"/>
      <c r="D28" s="131"/>
      <c r="E28" s="33"/>
      <c r="F28" s="58"/>
      <c r="G28" s="33"/>
      <c r="H28" s="59"/>
      <c r="I28" s="33"/>
      <c r="J28" s="59"/>
      <c r="K28" s="132"/>
      <c r="L28" s="33"/>
      <c r="M28" s="133"/>
      <c r="N28" s="60"/>
      <c r="O28" s="61"/>
      <c r="P28" s="185" t="s">
        <v>102</v>
      </c>
      <c r="Q28" s="188" t="s">
        <v>103</v>
      </c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31"/>
      <c r="C29" s="33"/>
      <c r="D29" s="131"/>
      <c r="E29" s="33"/>
      <c r="F29" s="58"/>
      <c r="G29" s="33"/>
      <c r="H29" s="59"/>
      <c r="I29" s="33"/>
      <c r="J29" s="59"/>
      <c r="K29" s="132"/>
      <c r="L29" s="33"/>
      <c r="M29" s="133"/>
      <c r="N29" s="60"/>
      <c r="O29" s="61"/>
      <c r="P29" s="186"/>
      <c r="Q29" s="179"/>
      <c r="R29" s="33"/>
      <c r="S29" s="61" t="s">
        <v>104</v>
      </c>
      <c r="T29" s="134" t="s">
        <v>105</v>
      </c>
      <c r="U29" s="61"/>
      <c r="V29" s="59" t="s">
        <v>30</v>
      </c>
      <c r="W29" s="60" t="s">
        <v>30</v>
      </c>
      <c r="X29" s="60" t="s">
        <v>30</v>
      </c>
      <c r="Y29" s="60" t="s">
        <v>106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31"/>
      <c r="C30" s="33"/>
      <c r="D30" s="131"/>
      <c r="E30" s="33"/>
      <c r="F30" s="58"/>
      <c r="G30" s="33"/>
      <c r="H30" s="59"/>
      <c r="I30" s="33"/>
      <c r="J30" s="59"/>
      <c r="K30" s="132"/>
      <c r="L30" s="33"/>
      <c r="M30" s="133"/>
      <c r="N30" s="60"/>
      <c r="O30" s="61"/>
      <c r="P30" s="187"/>
      <c r="Q30" s="180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131"/>
      <c r="E31" s="33"/>
      <c r="F31" s="58"/>
      <c r="G31" s="33"/>
      <c r="H31" s="59"/>
      <c r="I31" s="33"/>
      <c r="J31" s="59"/>
      <c r="K31" s="132"/>
      <c r="L31" s="33"/>
      <c r="M31" s="133"/>
      <c r="N31" s="60"/>
      <c r="O31" s="61"/>
      <c r="P31" s="185" t="s">
        <v>107</v>
      </c>
      <c r="Q31" s="178" t="s">
        <v>108</v>
      </c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31"/>
      <c r="E32" s="33"/>
      <c r="F32" s="58"/>
      <c r="G32" s="33"/>
      <c r="H32" s="59"/>
      <c r="I32" s="33"/>
      <c r="J32" s="59"/>
      <c r="K32" s="132"/>
      <c r="L32" s="33"/>
      <c r="M32" s="133"/>
      <c r="N32" s="60"/>
      <c r="O32" s="61"/>
      <c r="P32" s="186"/>
      <c r="Q32" s="179"/>
      <c r="R32" s="33"/>
      <c r="S32" s="61" t="s">
        <v>109</v>
      </c>
      <c r="T32" s="134" t="s">
        <v>110</v>
      </c>
      <c r="U32" s="61"/>
      <c r="V32" s="59" t="s">
        <v>30</v>
      </c>
      <c r="W32" s="60" t="s">
        <v>81</v>
      </c>
      <c r="X32" s="60" t="s">
        <v>30</v>
      </c>
      <c r="Y32" s="60" t="s">
        <v>111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64"/>
      <c r="D33" s="136"/>
      <c r="E33" s="64"/>
      <c r="F33" s="65"/>
      <c r="G33" s="64"/>
      <c r="H33" s="66"/>
      <c r="I33" s="64"/>
      <c r="J33" s="66"/>
      <c r="K33" s="137"/>
      <c r="L33" s="64"/>
      <c r="M33" s="138"/>
      <c r="N33" s="67"/>
      <c r="O33" s="68"/>
      <c r="P33" s="187"/>
      <c r="Q33" s="180"/>
      <c r="R33" s="64"/>
      <c r="S33" s="68"/>
      <c r="T33" s="139"/>
      <c r="U33" s="68"/>
      <c r="V33" s="66"/>
      <c r="W33" s="67"/>
      <c r="X33" s="67"/>
      <c r="Y33" s="67"/>
      <c r="Z33" s="140"/>
      <c r="AA33" s="71"/>
      <c r="AB33" s="71"/>
      <c r="AC33" s="71"/>
      <c r="AD33" s="72"/>
      <c r="AE33" s="73"/>
      <c r="AF33" s="73"/>
      <c r="AG33" s="73"/>
      <c r="AH33" s="71"/>
      <c r="AI33" s="71"/>
      <c r="AJ33" s="71"/>
      <c r="AK33" s="71"/>
      <c r="AL33" s="72"/>
      <c r="AM33" s="73"/>
      <c r="AN33" s="73"/>
      <c r="AO33" s="74"/>
    </row>
    <row r="34" spans="1:41" s="46" customFormat="1" ht="9.75" customHeight="1">
      <c r="A34" s="57"/>
      <c r="B34" s="34"/>
      <c r="C34" s="175" t="s">
        <v>36</v>
      </c>
      <c r="D34" s="188" t="s">
        <v>112</v>
      </c>
      <c r="E34" s="48"/>
      <c r="F34" s="49"/>
      <c r="G34" s="48"/>
      <c r="H34" s="50"/>
      <c r="I34" s="48"/>
      <c r="J34" s="50"/>
      <c r="K34" s="128"/>
      <c r="L34" s="48"/>
      <c r="M34" s="129"/>
      <c r="N34" s="51"/>
      <c r="O34" s="52"/>
      <c r="P34" s="52"/>
      <c r="Q34" s="76"/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41"/>
      <c r="C35" s="176"/>
      <c r="D35" s="179"/>
      <c r="E35" s="33"/>
      <c r="F35" s="34"/>
      <c r="G35" s="33"/>
      <c r="H35" s="59" t="s">
        <v>47</v>
      </c>
      <c r="I35" s="33"/>
      <c r="J35" s="59" t="s">
        <v>30</v>
      </c>
      <c r="K35" s="132" t="s">
        <v>30</v>
      </c>
      <c r="L35" s="33"/>
      <c r="M35" s="133" t="s">
        <v>30</v>
      </c>
      <c r="N35" s="60" t="s">
        <v>47</v>
      </c>
      <c r="O35" s="61"/>
      <c r="P35" s="61"/>
      <c r="Q35" s="58"/>
      <c r="R35" s="33"/>
      <c r="S35" s="61"/>
      <c r="T35" s="134" t="s">
        <v>48</v>
      </c>
      <c r="U35" s="61"/>
      <c r="V35" s="59" t="s">
        <v>30</v>
      </c>
      <c r="W35" s="60" t="s">
        <v>30</v>
      </c>
      <c r="X35" s="60" t="s">
        <v>30</v>
      </c>
      <c r="Y35" s="60" t="s">
        <v>113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41"/>
      <c r="C36" s="176"/>
      <c r="D36" s="179"/>
      <c r="E36" s="33"/>
      <c r="F36" s="34"/>
      <c r="G36" s="33"/>
      <c r="H36" s="59"/>
      <c r="I36" s="33"/>
      <c r="J36" s="59"/>
      <c r="K36" s="132"/>
      <c r="L36" s="33"/>
      <c r="M36" s="133"/>
      <c r="N36" s="60"/>
      <c r="O36" s="61"/>
      <c r="P36" s="61"/>
      <c r="Q36" s="58"/>
      <c r="R36" s="33"/>
      <c r="S36" s="61"/>
      <c r="T36" s="134"/>
      <c r="U36" s="61"/>
      <c r="V36" s="59"/>
      <c r="W36" s="60"/>
      <c r="X36" s="60"/>
      <c r="Y36" s="60"/>
      <c r="Z36" s="135"/>
      <c r="AA36" s="27"/>
      <c r="AB36" s="27"/>
      <c r="AC36" s="27"/>
      <c r="AD36" s="28"/>
      <c r="AE36" s="29"/>
      <c r="AF36" s="29"/>
      <c r="AG36" s="29"/>
      <c r="AH36" s="27"/>
      <c r="AI36" s="27"/>
      <c r="AJ36" s="27"/>
      <c r="AK36" s="27"/>
      <c r="AL36" s="28"/>
      <c r="AM36" s="29"/>
      <c r="AN36" s="29"/>
      <c r="AO36" s="30"/>
    </row>
    <row r="37" spans="1:41" s="46" customFormat="1" ht="9.75" customHeight="1">
      <c r="A37" s="57"/>
      <c r="B37" s="131"/>
      <c r="C37" s="33"/>
      <c r="D37" s="34"/>
      <c r="E37" s="175" t="s">
        <v>21</v>
      </c>
      <c r="F37" s="188" t="s">
        <v>112</v>
      </c>
      <c r="G37" s="48"/>
      <c r="H37" s="50"/>
      <c r="I37" s="48"/>
      <c r="J37" s="50"/>
      <c r="K37" s="128"/>
      <c r="L37" s="48"/>
      <c r="M37" s="129"/>
      <c r="N37" s="51"/>
      <c r="O37" s="52"/>
      <c r="P37" s="52"/>
      <c r="Q37" s="76"/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31"/>
      <c r="C38" s="33"/>
      <c r="D38" s="141"/>
      <c r="E38" s="176"/>
      <c r="F38" s="179"/>
      <c r="G38" s="33"/>
      <c r="H38" s="59" t="s">
        <v>47</v>
      </c>
      <c r="I38" s="33"/>
      <c r="J38" s="59" t="s">
        <v>30</v>
      </c>
      <c r="K38" s="132" t="s">
        <v>30</v>
      </c>
      <c r="L38" s="33"/>
      <c r="M38" s="133" t="s">
        <v>30</v>
      </c>
      <c r="N38" s="60" t="s">
        <v>47</v>
      </c>
      <c r="O38" s="61"/>
      <c r="P38" s="61"/>
      <c r="Q38" s="34"/>
      <c r="R38" s="33"/>
      <c r="S38" s="61"/>
      <c r="T38" s="134" t="s">
        <v>48</v>
      </c>
      <c r="U38" s="61"/>
      <c r="V38" s="59" t="s">
        <v>30</v>
      </c>
      <c r="W38" s="60" t="s">
        <v>30</v>
      </c>
      <c r="X38" s="60" t="s">
        <v>30</v>
      </c>
      <c r="Y38" s="60" t="s">
        <v>113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31"/>
      <c r="C39" s="33"/>
      <c r="D39" s="141"/>
      <c r="E39" s="176"/>
      <c r="F39" s="179"/>
      <c r="G39" s="33"/>
      <c r="H39" s="59"/>
      <c r="I39" s="33"/>
      <c r="J39" s="59"/>
      <c r="K39" s="132"/>
      <c r="L39" s="33"/>
      <c r="M39" s="133"/>
      <c r="N39" s="60"/>
      <c r="O39" s="61"/>
      <c r="P39" s="61"/>
      <c r="Q39" s="34"/>
      <c r="R39" s="33"/>
      <c r="S39" s="61"/>
      <c r="T39" s="134"/>
      <c r="U39" s="61"/>
      <c r="V39" s="59"/>
      <c r="W39" s="60"/>
      <c r="X39" s="60"/>
      <c r="Y39" s="60"/>
      <c r="Z39" s="135"/>
      <c r="AA39" s="27"/>
      <c r="AB39" s="27"/>
      <c r="AC39" s="27"/>
      <c r="AD39" s="28"/>
      <c r="AE39" s="29"/>
      <c r="AF39" s="29"/>
      <c r="AG39" s="29"/>
      <c r="AH39" s="27"/>
      <c r="AI39" s="27"/>
      <c r="AJ39" s="27"/>
      <c r="AK39" s="27"/>
      <c r="AL39" s="28"/>
      <c r="AM39" s="29"/>
      <c r="AN39" s="29"/>
      <c r="AO39" s="30"/>
    </row>
    <row r="40" spans="1:41" s="46" customFormat="1" ht="9.75" customHeight="1">
      <c r="A40" s="57"/>
      <c r="B40" s="131"/>
      <c r="C40" s="33"/>
      <c r="D40" s="131"/>
      <c r="E40" s="33"/>
      <c r="F40" s="34"/>
      <c r="G40" s="33"/>
      <c r="H40" s="59"/>
      <c r="I40" s="33"/>
      <c r="J40" s="59"/>
      <c r="K40" s="132"/>
      <c r="L40" s="33"/>
      <c r="M40" s="133"/>
      <c r="N40" s="60"/>
      <c r="O40" s="61"/>
      <c r="P40" s="185" t="s">
        <v>102</v>
      </c>
      <c r="Q40" s="188" t="s">
        <v>103</v>
      </c>
      <c r="R40" s="48"/>
      <c r="S40" s="52"/>
      <c r="T40" s="130"/>
      <c r="U40" s="52"/>
      <c r="V40" s="50"/>
      <c r="W40" s="51"/>
      <c r="X40" s="51"/>
      <c r="Y40" s="51"/>
      <c r="Z40" s="122" t="s">
        <v>3</v>
      </c>
      <c r="AA40" s="55"/>
      <c r="AB40" s="55"/>
      <c r="AC40" s="55"/>
      <c r="AD40" s="56"/>
      <c r="AE40" s="19"/>
      <c r="AF40" s="19"/>
      <c r="AG40" s="19"/>
      <c r="AH40" s="55"/>
      <c r="AI40" s="55"/>
      <c r="AJ40" s="55"/>
      <c r="AK40" s="55"/>
      <c r="AL40" s="56"/>
      <c r="AM40" s="19"/>
      <c r="AN40" s="19"/>
      <c r="AO40" s="26"/>
    </row>
    <row r="41" spans="1:41" s="46" customFormat="1" ht="9.75" customHeight="1">
      <c r="A41" s="57"/>
      <c r="B41" s="131"/>
      <c r="C41" s="33"/>
      <c r="D41" s="131"/>
      <c r="E41" s="33"/>
      <c r="F41" s="34"/>
      <c r="G41" s="33"/>
      <c r="H41" s="59"/>
      <c r="I41" s="33"/>
      <c r="J41" s="59"/>
      <c r="K41" s="132"/>
      <c r="L41" s="33"/>
      <c r="M41" s="133"/>
      <c r="N41" s="60"/>
      <c r="O41" s="61"/>
      <c r="P41" s="186"/>
      <c r="Q41" s="179"/>
      <c r="R41" s="33"/>
      <c r="S41" s="61" t="s">
        <v>47</v>
      </c>
      <c r="T41" s="134" t="s">
        <v>48</v>
      </c>
      <c r="U41" s="61"/>
      <c r="V41" s="59" t="s">
        <v>30</v>
      </c>
      <c r="W41" s="60" t="s">
        <v>30</v>
      </c>
      <c r="X41" s="60" t="s">
        <v>30</v>
      </c>
      <c r="Y41" s="60" t="s">
        <v>113</v>
      </c>
      <c r="Z41" s="135"/>
      <c r="AA41" s="27"/>
      <c r="AB41" s="27"/>
      <c r="AC41" s="27"/>
      <c r="AD41" s="28"/>
      <c r="AE41" s="29"/>
      <c r="AF41" s="29"/>
      <c r="AG41" s="29"/>
      <c r="AH41" s="27"/>
      <c r="AI41" s="27"/>
      <c r="AJ41" s="27"/>
      <c r="AK41" s="27"/>
      <c r="AL41" s="28"/>
      <c r="AM41" s="29"/>
      <c r="AN41" s="29"/>
      <c r="AO41" s="30"/>
    </row>
    <row r="42" spans="1:41" s="46" customFormat="1" ht="9.75" customHeight="1">
      <c r="A42" s="57"/>
      <c r="B42" s="131"/>
      <c r="C42" s="64"/>
      <c r="D42" s="136"/>
      <c r="E42" s="64"/>
      <c r="F42" s="77"/>
      <c r="G42" s="64"/>
      <c r="H42" s="66"/>
      <c r="I42" s="64"/>
      <c r="J42" s="66"/>
      <c r="K42" s="137"/>
      <c r="L42" s="64"/>
      <c r="M42" s="138"/>
      <c r="N42" s="67"/>
      <c r="O42" s="68"/>
      <c r="P42" s="187"/>
      <c r="Q42" s="180"/>
      <c r="R42" s="64"/>
      <c r="S42" s="68"/>
      <c r="T42" s="139"/>
      <c r="U42" s="68"/>
      <c r="V42" s="66"/>
      <c r="W42" s="67"/>
      <c r="X42" s="67"/>
      <c r="Y42" s="67"/>
      <c r="Z42" s="140"/>
      <c r="AA42" s="71"/>
      <c r="AB42" s="71"/>
      <c r="AC42" s="71"/>
      <c r="AD42" s="72"/>
      <c r="AE42" s="73"/>
      <c r="AF42" s="73"/>
      <c r="AG42" s="73"/>
      <c r="AH42" s="71"/>
      <c r="AI42" s="71"/>
      <c r="AJ42" s="71"/>
      <c r="AK42" s="71"/>
      <c r="AL42" s="72"/>
      <c r="AM42" s="73"/>
      <c r="AN42" s="73"/>
      <c r="AO42" s="74"/>
    </row>
    <row r="43" spans="1:41" s="46" customFormat="1" ht="9.75" customHeight="1">
      <c r="A43" s="57"/>
      <c r="B43" s="34"/>
      <c r="C43" s="175" t="s">
        <v>52</v>
      </c>
      <c r="D43" s="189" t="s">
        <v>114</v>
      </c>
      <c r="E43" s="48"/>
      <c r="F43" s="49"/>
      <c r="G43" s="48"/>
      <c r="H43" s="50"/>
      <c r="I43" s="48"/>
      <c r="J43" s="50"/>
      <c r="K43" s="128"/>
      <c r="L43" s="48"/>
      <c r="M43" s="129"/>
      <c r="N43" s="51"/>
      <c r="O43" s="52"/>
      <c r="P43" s="52"/>
      <c r="Q43" s="76"/>
      <c r="R43" s="48"/>
      <c r="S43" s="52"/>
      <c r="T43" s="130"/>
      <c r="U43" s="52"/>
      <c r="V43" s="50"/>
      <c r="W43" s="51"/>
      <c r="X43" s="51"/>
      <c r="Y43" s="51"/>
      <c r="Z43" s="122" t="s">
        <v>3</v>
      </c>
      <c r="AA43" s="55"/>
      <c r="AB43" s="55"/>
      <c r="AC43" s="55"/>
      <c r="AD43" s="56"/>
      <c r="AE43" s="19"/>
      <c r="AF43" s="19"/>
      <c r="AG43" s="19"/>
      <c r="AH43" s="55"/>
      <c r="AI43" s="55"/>
      <c r="AJ43" s="55"/>
      <c r="AK43" s="55"/>
      <c r="AL43" s="56"/>
      <c r="AM43" s="19"/>
      <c r="AN43" s="19"/>
      <c r="AO43" s="26"/>
    </row>
    <row r="44" spans="1:41" s="46" customFormat="1" ht="9.75" customHeight="1">
      <c r="A44" s="57"/>
      <c r="B44" s="141"/>
      <c r="C44" s="176"/>
      <c r="D44" s="190"/>
      <c r="E44" s="33"/>
      <c r="F44" s="34"/>
      <c r="G44" s="33"/>
      <c r="H44" s="59" t="s">
        <v>115</v>
      </c>
      <c r="I44" s="33"/>
      <c r="J44" s="59" t="s">
        <v>30</v>
      </c>
      <c r="K44" s="132" t="s">
        <v>30</v>
      </c>
      <c r="L44" s="33"/>
      <c r="M44" s="133" t="s">
        <v>30</v>
      </c>
      <c r="N44" s="60" t="s">
        <v>115</v>
      </c>
      <c r="O44" s="61"/>
      <c r="P44" s="61"/>
      <c r="Q44" s="58"/>
      <c r="R44" s="33"/>
      <c r="S44" s="61"/>
      <c r="T44" s="134" t="s">
        <v>116</v>
      </c>
      <c r="U44" s="61"/>
      <c r="V44" s="59" t="s">
        <v>30</v>
      </c>
      <c r="W44" s="60" t="s">
        <v>30</v>
      </c>
      <c r="X44" s="60" t="s">
        <v>30</v>
      </c>
      <c r="Y44" s="60" t="s">
        <v>117</v>
      </c>
      <c r="Z44" s="135"/>
      <c r="AA44" s="27"/>
      <c r="AB44" s="27"/>
      <c r="AC44" s="27"/>
      <c r="AD44" s="28"/>
      <c r="AE44" s="29"/>
      <c r="AF44" s="29"/>
      <c r="AG44" s="29"/>
      <c r="AH44" s="27"/>
      <c r="AI44" s="27"/>
      <c r="AJ44" s="27"/>
      <c r="AK44" s="27"/>
      <c r="AL44" s="28"/>
      <c r="AM44" s="29"/>
      <c r="AN44" s="29"/>
      <c r="AO44" s="30"/>
    </row>
    <row r="45" spans="1:41" s="46" customFormat="1" ht="9.75" customHeight="1">
      <c r="A45" s="57"/>
      <c r="B45" s="141"/>
      <c r="C45" s="176"/>
      <c r="D45" s="190"/>
      <c r="E45" s="33"/>
      <c r="F45" s="34"/>
      <c r="G45" s="33"/>
      <c r="H45" s="59"/>
      <c r="I45" s="33"/>
      <c r="J45" s="59"/>
      <c r="K45" s="132"/>
      <c r="L45" s="33"/>
      <c r="M45" s="133"/>
      <c r="N45" s="60"/>
      <c r="O45" s="61"/>
      <c r="P45" s="61"/>
      <c r="Q45" s="58"/>
      <c r="R45" s="33"/>
      <c r="S45" s="61"/>
      <c r="T45" s="134"/>
      <c r="U45" s="61"/>
      <c r="V45" s="59"/>
      <c r="W45" s="60"/>
      <c r="X45" s="60"/>
      <c r="Y45" s="60"/>
      <c r="Z45" s="135"/>
      <c r="AA45" s="27"/>
      <c r="AB45" s="27"/>
      <c r="AC45" s="27"/>
      <c r="AD45" s="28"/>
      <c r="AE45" s="29"/>
      <c r="AF45" s="29"/>
      <c r="AG45" s="29"/>
      <c r="AH45" s="27"/>
      <c r="AI45" s="27"/>
      <c r="AJ45" s="27"/>
      <c r="AK45" s="27"/>
      <c r="AL45" s="28"/>
      <c r="AM45" s="29"/>
      <c r="AN45" s="29"/>
      <c r="AO45" s="30"/>
    </row>
    <row r="46" spans="1:41" s="46" customFormat="1" ht="9.75" customHeight="1">
      <c r="A46" s="57"/>
      <c r="B46" s="131"/>
      <c r="C46" s="33"/>
      <c r="D46" s="34"/>
      <c r="E46" s="175" t="s">
        <v>21</v>
      </c>
      <c r="F46" s="189" t="s">
        <v>114</v>
      </c>
      <c r="G46" s="48"/>
      <c r="H46" s="50"/>
      <c r="I46" s="48"/>
      <c r="J46" s="50"/>
      <c r="K46" s="128"/>
      <c r="L46" s="48"/>
      <c r="M46" s="129"/>
      <c r="N46" s="51"/>
      <c r="O46" s="52"/>
      <c r="P46" s="52"/>
      <c r="Q46" s="76"/>
      <c r="R46" s="48"/>
      <c r="S46" s="52"/>
      <c r="T46" s="130"/>
      <c r="U46" s="52"/>
      <c r="V46" s="50"/>
      <c r="W46" s="51"/>
      <c r="X46" s="51"/>
      <c r="Y46" s="51"/>
      <c r="Z46" s="122" t="s">
        <v>3</v>
      </c>
      <c r="AA46" s="55"/>
      <c r="AB46" s="55"/>
      <c r="AC46" s="55"/>
      <c r="AD46" s="56"/>
      <c r="AE46" s="19"/>
      <c r="AF46" s="19"/>
      <c r="AG46" s="19"/>
      <c r="AH46" s="55"/>
      <c r="AI46" s="55"/>
      <c r="AJ46" s="55"/>
      <c r="AK46" s="55"/>
      <c r="AL46" s="56"/>
      <c r="AM46" s="19"/>
      <c r="AN46" s="19"/>
      <c r="AO46" s="26"/>
    </row>
    <row r="47" spans="1:41" s="46" customFormat="1" ht="9.75" customHeight="1">
      <c r="A47" s="57"/>
      <c r="B47" s="131"/>
      <c r="C47" s="33"/>
      <c r="D47" s="141"/>
      <c r="E47" s="176"/>
      <c r="F47" s="190"/>
      <c r="G47" s="33"/>
      <c r="H47" s="59" t="s">
        <v>115</v>
      </c>
      <c r="I47" s="33"/>
      <c r="J47" s="59" t="s">
        <v>30</v>
      </c>
      <c r="K47" s="132" t="s">
        <v>30</v>
      </c>
      <c r="L47" s="33"/>
      <c r="M47" s="133" t="s">
        <v>30</v>
      </c>
      <c r="N47" s="60" t="s">
        <v>115</v>
      </c>
      <c r="O47" s="61"/>
      <c r="P47" s="61"/>
      <c r="Q47" s="34"/>
      <c r="R47" s="33"/>
      <c r="S47" s="61"/>
      <c r="T47" s="134" t="s">
        <v>116</v>
      </c>
      <c r="U47" s="61"/>
      <c r="V47" s="59" t="s">
        <v>30</v>
      </c>
      <c r="W47" s="60" t="s">
        <v>30</v>
      </c>
      <c r="X47" s="60" t="s">
        <v>30</v>
      </c>
      <c r="Y47" s="60" t="s">
        <v>117</v>
      </c>
      <c r="Z47" s="135"/>
      <c r="AA47" s="27"/>
      <c r="AB47" s="27"/>
      <c r="AC47" s="27"/>
      <c r="AD47" s="28"/>
      <c r="AE47" s="29"/>
      <c r="AF47" s="29"/>
      <c r="AG47" s="29"/>
      <c r="AH47" s="27"/>
      <c r="AI47" s="27"/>
      <c r="AJ47" s="27"/>
      <c r="AK47" s="27"/>
      <c r="AL47" s="28"/>
      <c r="AM47" s="29"/>
      <c r="AN47" s="29"/>
      <c r="AO47" s="30"/>
    </row>
    <row r="48" spans="1:41" s="46" customFormat="1" ht="9.75" customHeight="1">
      <c r="A48" s="57"/>
      <c r="B48" s="131"/>
      <c r="C48" s="33"/>
      <c r="D48" s="141"/>
      <c r="E48" s="176"/>
      <c r="F48" s="190"/>
      <c r="G48" s="33"/>
      <c r="H48" s="59"/>
      <c r="I48" s="33"/>
      <c r="J48" s="59"/>
      <c r="K48" s="132"/>
      <c r="L48" s="33"/>
      <c r="M48" s="133"/>
      <c r="N48" s="60"/>
      <c r="O48" s="61"/>
      <c r="P48" s="61"/>
      <c r="Q48" s="34"/>
      <c r="R48" s="33"/>
      <c r="S48" s="61"/>
      <c r="T48" s="134"/>
      <c r="U48" s="61"/>
      <c r="V48" s="59"/>
      <c r="W48" s="60"/>
      <c r="X48" s="60"/>
      <c r="Y48" s="60"/>
      <c r="Z48" s="135"/>
      <c r="AA48" s="27"/>
      <c r="AB48" s="27"/>
      <c r="AC48" s="27"/>
      <c r="AD48" s="28"/>
      <c r="AE48" s="29"/>
      <c r="AF48" s="29"/>
      <c r="AG48" s="29"/>
      <c r="AH48" s="27"/>
      <c r="AI48" s="27"/>
      <c r="AJ48" s="27"/>
      <c r="AK48" s="27"/>
      <c r="AL48" s="28"/>
      <c r="AM48" s="29"/>
      <c r="AN48" s="29"/>
      <c r="AO48" s="30"/>
    </row>
    <row r="49" spans="1:41" s="46" customFormat="1" ht="9.75" customHeight="1">
      <c r="A49" s="57"/>
      <c r="B49" s="131"/>
      <c r="C49" s="33"/>
      <c r="D49" s="131"/>
      <c r="E49" s="33"/>
      <c r="F49" s="34"/>
      <c r="G49" s="33"/>
      <c r="H49" s="59"/>
      <c r="I49" s="33"/>
      <c r="J49" s="59"/>
      <c r="K49" s="132"/>
      <c r="L49" s="33"/>
      <c r="M49" s="133"/>
      <c r="N49" s="60"/>
      <c r="O49" s="61"/>
      <c r="P49" s="185" t="s">
        <v>102</v>
      </c>
      <c r="Q49" s="188" t="s">
        <v>103</v>
      </c>
      <c r="R49" s="48"/>
      <c r="S49" s="52"/>
      <c r="T49" s="130"/>
      <c r="U49" s="52"/>
      <c r="V49" s="50"/>
      <c r="W49" s="51"/>
      <c r="X49" s="51"/>
      <c r="Y49" s="51"/>
      <c r="Z49" s="122" t="s">
        <v>3</v>
      </c>
      <c r="AA49" s="55"/>
      <c r="AB49" s="55"/>
      <c r="AC49" s="55"/>
      <c r="AD49" s="56"/>
      <c r="AE49" s="19"/>
      <c r="AF49" s="19"/>
      <c r="AG49" s="19"/>
      <c r="AH49" s="55"/>
      <c r="AI49" s="55"/>
      <c r="AJ49" s="55"/>
      <c r="AK49" s="55"/>
      <c r="AL49" s="56"/>
      <c r="AM49" s="19"/>
      <c r="AN49" s="19"/>
      <c r="AO49" s="26"/>
    </row>
    <row r="50" spans="1:41" s="46" customFormat="1" ht="9.75" customHeight="1">
      <c r="A50" s="57"/>
      <c r="B50" s="131"/>
      <c r="C50" s="33"/>
      <c r="D50" s="131"/>
      <c r="E50" s="33"/>
      <c r="F50" s="34"/>
      <c r="G50" s="33"/>
      <c r="H50" s="59"/>
      <c r="I50" s="33"/>
      <c r="J50" s="59"/>
      <c r="K50" s="132"/>
      <c r="L50" s="33"/>
      <c r="M50" s="133"/>
      <c r="N50" s="60"/>
      <c r="O50" s="61"/>
      <c r="P50" s="186"/>
      <c r="Q50" s="179"/>
      <c r="R50" s="33"/>
      <c r="S50" s="61" t="s">
        <v>115</v>
      </c>
      <c r="T50" s="134" t="s">
        <v>116</v>
      </c>
      <c r="U50" s="61"/>
      <c r="V50" s="59" t="s">
        <v>30</v>
      </c>
      <c r="W50" s="60" t="s">
        <v>30</v>
      </c>
      <c r="X50" s="60" t="s">
        <v>30</v>
      </c>
      <c r="Y50" s="60" t="s">
        <v>117</v>
      </c>
      <c r="Z50" s="135"/>
      <c r="AA50" s="27"/>
      <c r="AB50" s="27"/>
      <c r="AC50" s="27"/>
      <c r="AD50" s="28"/>
      <c r="AE50" s="29"/>
      <c r="AF50" s="29"/>
      <c r="AG50" s="29"/>
      <c r="AH50" s="27"/>
      <c r="AI50" s="27"/>
      <c r="AJ50" s="27"/>
      <c r="AK50" s="27"/>
      <c r="AL50" s="28"/>
      <c r="AM50" s="29"/>
      <c r="AN50" s="29"/>
      <c r="AO50" s="30"/>
    </row>
    <row r="51" spans="1:41" s="46" customFormat="1" ht="9.75" customHeight="1">
      <c r="A51" s="57"/>
      <c r="B51" s="131"/>
      <c r="C51" s="64"/>
      <c r="D51" s="136"/>
      <c r="E51" s="64"/>
      <c r="F51" s="77"/>
      <c r="G51" s="64"/>
      <c r="H51" s="66"/>
      <c r="I51" s="64"/>
      <c r="J51" s="66"/>
      <c r="K51" s="137"/>
      <c r="L51" s="64"/>
      <c r="M51" s="138"/>
      <c r="N51" s="67"/>
      <c r="O51" s="68"/>
      <c r="P51" s="187"/>
      <c r="Q51" s="180"/>
      <c r="R51" s="64"/>
      <c r="S51" s="68"/>
      <c r="T51" s="139"/>
      <c r="U51" s="68"/>
      <c r="V51" s="66"/>
      <c r="W51" s="67"/>
      <c r="X51" s="67"/>
      <c r="Y51" s="67"/>
      <c r="Z51" s="140"/>
      <c r="AA51" s="71"/>
      <c r="AB51" s="71"/>
      <c r="AC51" s="71"/>
      <c r="AD51" s="72"/>
      <c r="AE51" s="73"/>
      <c r="AF51" s="73"/>
      <c r="AG51" s="73"/>
      <c r="AH51" s="71"/>
      <c r="AI51" s="71"/>
      <c r="AJ51" s="71"/>
      <c r="AK51" s="71"/>
      <c r="AL51" s="72"/>
      <c r="AM51" s="73"/>
      <c r="AN51" s="73"/>
      <c r="AO51" s="74"/>
    </row>
    <row r="52" spans="1:41" s="46" customFormat="1" ht="9.75" customHeight="1">
      <c r="A52" s="57"/>
      <c r="B52" s="34"/>
      <c r="C52" s="175" t="s">
        <v>57</v>
      </c>
      <c r="D52" s="178" t="s">
        <v>118</v>
      </c>
      <c r="E52" s="48"/>
      <c r="F52" s="49"/>
      <c r="G52" s="48"/>
      <c r="H52" s="50"/>
      <c r="I52" s="48"/>
      <c r="J52" s="50"/>
      <c r="K52" s="128"/>
      <c r="L52" s="48"/>
      <c r="M52" s="129"/>
      <c r="N52" s="51"/>
      <c r="O52" s="52"/>
      <c r="P52" s="52"/>
      <c r="Q52" s="76"/>
      <c r="R52" s="48"/>
      <c r="S52" s="52"/>
      <c r="T52" s="130"/>
      <c r="U52" s="52"/>
      <c r="V52" s="50"/>
      <c r="W52" s="51"/>
      <c r="X52" s="51"/>
      <c r="Y52" s="51"/>
      <c r="Z52" s="122" t="s">
        <v>3</v>
      </c>
      <c r="AA52" s="55"/>
      <c r="AB52" s="55"/>
      <c r="AC52" s="55"/>
      <c r="AD52" s="56"/>
      <c r="AE52" s="19"/>
      <c r="AF52" s="19"/>
      <c r="AG52" s="19"/>
      <c r="AH52" s="55"/>
      <c r="AI52" s="55"/>
      <c r="AJ52" s="55"/>
      <c r="AK52" s="55"/>
      <c r="AL52" s="56"/>
      <c r="AM52" s="19"/>
      <c r="AN52" s="19"/>
      <c r="AO52" s="26"/>
    </row>
    <row r="53" spans="1:41" s="46" customFormat="1" ht="9.75" customHeight="1">
      <c r="A53" s="57"/>
      <c r="B53" s="141"/>
      <c r="C53" s="176"/>
      <c r="D53" s="179"/>
      <c r="E53" s="33"/>
      <c r="F53" s="34"/>
      <c r="G53" s="33"/>
      <c r="H53" s="59" t="s">
        <v>119</v>
      </c>
      <c r="I53" s="33"/>
      <c r="J53" s="59" t="s">
        <v>30</v>
      </c>
      <c r="K53" s="132" t="s">
        <v>30</v>
      </c>
      <c r="L53" s="33"/>
      <c r="M53" s="133" t="s">
        <v>30</v>
      </c>
      <c r="N53" s="60" t="s">
        <v>119</v>
      </c>
      <c r="O53" s="61"/>
      <c r="P53" s="61"/>
      <c r="Q53" s="58"/>
      <c r="R53" s="33"/>
      <c r="S53" s="61"/>
      <c r="T53" s="134" t="s">
        <v>120</v>
      </c>
      <c r="U53" s="61"/>
      <c r="V53" s="59" t="s">
        <v>30</v>
      </c>
      <c r="W53" s="60" t="s">
        <v>30</v>
      </c>
      <c r="X53" s="60" t="s">
        <v>30</v>
      </c>
      <c r="Y53" s="60" t="s">
        <v>121</v>
      </c>
      <c r="Z53" s="135"/>
      <c r="AA53" s="27"/>
      <c r="AB53" s="27"/>
      <c r="AC53" s="27"/>
      <c r="AD53" s="28"/>
      <c r="AE53" s="29"/>
      <c r="AF53" s="29"/>
      <c r="AG53" s="29"/>
      <c r="AH53" s="27"/>
      <c r="AI53" s="27"/>
      <c r="AJ53" s="27"/>
      <c r="AK53" s="27"/>
      <c r="AL53" s="28"/>
      <c r="AM53" s="29"/>
      <c r="AN53" s="29"/>
      <c r="AO53" s="30"/>
    </row>
    <row r="54" spans="1:41" s="46" customFormat="1" ht="9.75" customHeight="1">
      <c r="A54" s="57"/>
      <c r="B54" s="141"/>
      <c r="C54" s="176"/>
      <c r="D54" s="179"/>
      <c r="E54" s="33"/>
      <c r="F54" s="34"/>
      <c r="G54" s="33"/>
      <c r="H54" s="59"/>
      <c r="I54" s="33"/>
      <c r="J54" s="59"/>
      <c r="K54" s="132"/>
      <c r="L54" s="33"/>
      <c r="M54" s="133"/>
      <c r="N54" s="60"/>
      <c r="O54" s="61"/>
      <c r="P54" s="61"/>
      <c r="Q54" s="58"/>
      <c r="R54" s="33"/>
      <c r="S54" s="61"/>
      <c r="T54" s="134"/>
      <c r="U54" s="61"/>
      <c r="V54" s="59"/>
      <c r="W54" s="60"/>
      <c r="X54" s="60"/>
      <c r="Y54" s="60"/>
      <c r="Z54" s="135"/>
      <c r="AA54" s="27"/>
      <c r="AB54" s="27"/>
      <c r="AC54" s="27"/>
      <c r="AD54" s="28"/>
      <c r="AE54" s="29"/>
      <c r="AF54" s="29"/>
      <c r="AG54" s="29"/>
      <c r="AH54" s="27"/>
      <c r="AI54" s="27"/>
      <c r="AJ54" s="27"/>
      <c r="AK54" s="27"/>
      <c r="AL54" s="28"/>
      <c r="AM54" s="29"/>
      <c r="AN54" s="29"/>
      <c r="AO54" s="30"/>
    </row>
    <row r="55" spans="1:41" s="46" customFormat="1" ht="9.75" customHeight="1">
      <c r="A55" s="57"/>
      <c r="B55" s="131"/>
      <c r="C55" s="33"/>
      <c r="D55" s="34"/>
      <c r="E55" s="175" t="s">
        <v>21</v>
      </c>
      <c r="F55" s="178" t="s">
        <v>122</v>
      </c>
      <c r="G55" s="48"/>
      <c r="H55" s="50"/>
      <c r="I55" s="48"/>
      <c r="J55" s="50"/>
      <c r="K55" s="128"/>
      <c r="L55" s="48"/>
      <c r="M55" s="129"/>
      <c r="N55" s="51"/>
      <c r="O55" s="52"/>
      <c r="P55" s="52"/>
      <c r="Q55" s="76"/>
      <c r="R55" s="48"/>
      <c r="S55" s="52"/>
      <c r="T55" s="130"/>
      <c r="U55" s="52"/>
      <c r="V55" s="50"/>
      <c r="W55" s="51"/>
      <c r="X55" s="51"/>
      <c r="Y55" s="51"/>
      <c r="Z55" s="122" t="s">
        <v>3</v>
      </c>
      <c r="AA55" s="55"/>
      <c r="AB55" s="55"/>
      <c r="AC55" s="55"/>
      <c r="AD55" s="56"/>
      <c r="AE55" s="19"/>
      <c r="AF55" s="19"/>
      <c r="AG55" s="19"/>
      <c r="AH55" s="55"/>
      <c r="AI55" s="55"/>
      <c r="AJ55" s="55"/>
      <c r="AK55" s="55"/>
      <c r="AL55" s="56"/>
      <c r="AM55" s="19"/>
      <c r="AN55" s="19"/>
      <c r="AO55" s="26"/>
    </row>
    <row r="56" spans="1:41" s="46" customFormat="1" ht="9.75" customHeight="1">
      <c r="A56" s="57"/>
      <c r="B56" s="131"/>
      <c r="C56" s="33"/>
      <c r="D56" s="141"/>
      <c r="E56" s="176"/>
      <c r="F56" s="179"/>
      <c r="G56" s="33"/>
      <c r="H56" s="59" t="s">
        <v>123</v>
      </c>
      <c r="I56" s="33"/>
      <c r="J56" s="59" t="s">
        <v>30</v>
      </c>
      <c r="K56" s="132" t="s">
        <v>30</v>
      </c>
      <c r="L56" s="33"/>
      <c r="M56" s="133" t="s">
        <v>30</v>
      </c>
      <c r="N56" s="60" t="s">
        <v>123</v>
      </c>
      <c r="O56" s="61"/>
      <c r="P56" s="61"/>
      <c r="Q56" s="34"/>
      <c r="R56" s="33"/>
      <c r="S56" s="61"/>
      <c r="T56" s="134" t="s">
        <v>123</v>
      </c>
      <c r="U56" s="61"/>
      <c r="V56" s="59" t="s">
        <v>30</v>
      </c>
      <c r="W56" s="60" t="s">
        <v>30</v>
      </c>
      <c r="X56" s="60" t="s">
        <v>30</v>
      </c>
      <c r="Y56" s="60" t="s">
        <v>30</v>
      </c>
      <c r="Z56" s="135"/>
      <c r="AA56" s="27"/>
      <c r="AB56" s="27"/>
      <c r="AC56" s="27"/>
      <c r="AD56" s="28"/>
      <c r="AE56" s="29"/>
      <c r="AF56" s="29"/>
      <c r="AG56" s="29"/>
      <c r="AH56" s="27"/>
      <c r="AI56" s="27"/>
      <c r="AJ56" s="27"/>
      <c r="AK56" s="27"/>
      <c r="AL56" s="28"/>
      <c r="AM56" s="29"/>
      <c r="AN56" s="29"/>
      <c r="AO56" s="30"/>
    </row>
    <row r="57" spans="1:41" s="46" customFormat="1" ht="9.75" customHeight="1">
      <c r="A57" s="57"/>
      <c r="B57" s="131"/>
      <c r="C57" s="33"/>
      <c r="D57" s="141"/>
      <c r="E57" s="176"/>
      <c r="F57" s="179"/>
      <c r="G57" s="33"/>
      <c r="H57" s="59"/>
      <c r="I57" s="33"/>
      <c r="J57" s="59"/>
      <c r="K57" s="132"/>
      <c r="L57" s="33"/>
      <c r="M57" s="133"/>
      <c r="N57" s="60"/>
      <c r="O57" s="61"/>
      <c r="P57" s="61"/>
      <c r="Q57" s="34"/>
      <c r="R57" s="33"/>
      <c r="S57" s="61"/>
      <c r="T57" s="134"/>
      <c r="U57" s="61"/>
      <c r="V57" s="59"/>
      <c r="W57" s="60"/>
      <c r="X57" s="60"/>
      <c r="Y57" s="60"/>
      <c r="Z57" s="135"/>
      <c r="AA57" s="27"/>
      <c r="AB57" s="27"/>
      <c r="AC57" s="27"/>
      <c r="AD57" s="28"/>
      <c r="AE57" s="29"/>
      <c r="AF57" s="29"/>
      <c r="AG57" s="29"/>
      <c r="AH57" s="27"/>
      <c r="AI57" s="27"/>
      <c r="AJ57" s="27"/>
      <c r="AK57" s="27"/>
      <c r="AL57" s="28"/>
      <c r="AM57" s="29"/>
      <c r="AN57" s="29"/>
      <c r="AO57" s="30"/>
    </row>
    <row r="58" spans="1:41" s="46" customFormat="1" ht="9.75" customHeight="1">
      <c r="A58" s="57"/>
      <c r="B58" s="131"/>
      <c r="C58" s="33"/>
      <c r="D58" s="131"/>
      <c r="E58" s="33"/>
      <c r="F58" s="34"/>
      <c r="G58" s="33"/>
      <c r="H58" s="59"/>
      <c r="I58" s="33"/>
      <c r="J58" s="59"/>
      <c r="K58" s="132"/>
      <c r="L58" s="33"/>
      <c r="M58" s="133"/>
      <c r="N58" s="60"/>
      <c r="O58" s="61"/>
      <c r="P58" s="185" t="s">
        <v>124</v>
      </c>
      <c r="Q58" s="178" t="s">
        <v>125</v>
      </c>
      <c r="R58" s="48"/>
      <c r="S58" s="52"/>
      <c r="T58" s="130"/>
      <c r="U58" s="52"/>
      <c r="V58" s="50"/>
      <c r="W58" s="51"/>
      <c r="X58" s="51"/>
      <c r="Y58" s="51"/>
      <c r="Z58" s="122" t="s">
        <v>3</v>
      </c>
      <c r="AA58" s="55"/>
      <c r="AB58" s="55"/>
      <c r="AC58" s="55"/>
      <c r="AD58" s="56"/>
      <c r="AE58" s="19"/>
      <c r="AF58" s="19"/>
      <c r="AG58" s="19"/>
      <c r="AH58" s="55"/>
      <c r="AI58" s="55"/>
      <c r="AJ58" s="55"/>
      <c r="AK58" s="55"/>
      <c r="AL58" s="56"/>
      <c r="AM58" s="19"/>
      <c r="AN58" s="19"/>
      <c r="AO58" s="26"/>
    </row>
    <row r="59" spans="1:41" s="46" customFormat="1" ht="9.75" customHeight="1">
      <c r="A59" s="57"/>
      <c r="B59" s="131"/>
      <c r="C59" s="33"/>
      <c r="D59" s="131"/>
      <c r="E59" s="33"/>
      <c r="F59" s="34"/>
      <c r="G59" s="33"/>
      <c r="H59" s="59"/>
      <c r="I59" s="33"/>
      <c r="J59" s="59"/>
      <c r="K59" s="132"/>
      <c r="L59" s="33"/>
      <c r="M59" s="133"/>
      <c r="N59" s="60"/>
      <c r="O59" s="61"/>
      <c r="P59" s="186"/>
      <c r="Q59" s="179"/>
      <c r="R59" s="33"/>
      <c r="S59" s="61" t="s">
        <v>123</v>
      </c>
      <c r="T59" s="134" t="s">
        <v>123</v>
      </c>
      <c r="U59" s="61"/>
      <c r="V59" s="59" t="s">
        <v>30</v>
      </c>
      <c r="W59" s="60" t="s">
        <v>30</v>
      </c>
      <c r="X59" s="60" t="s">
        <v>30</v>
      </c>
      <c r="Y59" s="60" t="s">
        <v>30</v>
      </c>
      <c r="Z59" s="135"/>
      <c r="AA59" s="27"/>
      <c r="AB59" s="27"/>
      <c r="AC59" s="27"/>
      <c r="AD59" s="28"/>
      <c r="AE59" s="29"/>
      <c r="AF59" s="29"/>
      <c r="AG59" s="29"/>
      <c r="AH59" s="27"/>
      <c r="AI59" s="27"/>
      <c r="AJ59" s="27"/>
      <c r="AK59" s="27"/>
      <c r="AL59" s="28"/>
      <c r="AM59" s="29"/>
      <c r="AN59" s="29"/>
      <c r="AO59" s="30"/>
    </row>
    <row r="60" spans="1:41" s="46" customFormat="1" ht="9.75" customHeight="1">
      <c r="A60" s="57"/>
      <c r="B60" s="131"/>
      <c r="C60" s="33"/>
      <c r="D60" s="131"/>
      <c r="E60" s="33"/>
      <c r="F60" s="34"/>
      <c r="G60" s="33"/>
      <c r="H60" s="59"/>
      <c r="I60" s="33"/>
      <c r="J60" s="59"/>
      <c r="K60" s="132"/>
      <c r="L60" s="33"/>
      <c r="M60" s="133"/>
      <c r="N60" s="60"/>
      <c r="O60" s="61"/>
      <c r="P60" s="187"/>
      <c r="Q60" s="180"/>
      <c r="R60" s="33"/>
      <c r="S60" s="61"/>
      <c r="T60" s="134"/>
      <c r="U60" s="61"/>
      <c r="V60" s="59"/>
      <c r="W60" s="60"/>
      <c r="X60" s="60"/>
      <c r="Y60" s="60"/>
      <c r="Z60" s="135"/>
      <c r="AA60" s="27"/>
      <c r="AB60" s="27"/>
      <c r="AC60" s="27"/>
      <c r="AD60" s="28"/>
      <c r="AE60" s="29"/>
      <c r="AF60" s="29"/>
      <c r="AG60" s="29"/>
      <c r="AH60" s="27"/>
      <c r="AI60" s="27"/>
      <c r="AJ60" s="27"/>
      <c r="AK60" s="27"/>
      <c r="AL60" s="28"/>
      <c r="AM60" s="29"/>
      <c r="AN60" s="29"/>
      <c r="AO60" s="30"/>
    </row>
    <row r="61" spans="1:41" s="46" customFormat="1" ht="9.75" customHeight="1">
      <c r="A61" s="57"/>
      <c r="B61" s="141"/>
      <c r="C61" s="33"/>
      <c r="D61" s="34"/>
      <c r="E61" s="175" t="s">
        <v>36</v>
      </c>
      <c r="F61" s="178" t="s">
        <v>126</v>
      </c>
      <c r="G61" s="48"/>
      <c r="H61" s="50"/>
      <c r="I61" s="48"/>
      <c r="J61" s="50"/>
      <c r="K61" s="128"/>
      <c r="L61" s="48"/>
      <c r="M61" s="129"/>
      <c r="N61" s="51"/>
      <c r="O61" s="52"/>
      <c r="P61" s="52"/>
      <c r="Q61" s="76"/>
      <c r="R61" s="48"/>
      <c r="S61" s="52"/>
      <c r="T61" s="130"/>
      <c r="U61" s="52"/>
      <c r="V61" s="50"/>
      <c r="W61" s="51"/>
      <c r="X61" s="51"/>
      <c r="Y61" s="51"/>
      <c r="Z61" s="122" t="s">
        <v>3</v>
      </c>
      <c r="AA61" s="55"/>
      <c r="AB61" s="55"/>
      <c r="AC61" s="55"/>
      <c r="AD61" s="56"/>
      <c r="AE61" s="19"/>
      <c r="AF61" s="19"/>
      <c r="AG61" s="19"/>
      <c r="AH61" s="55"/>
      <c r="AI61" s="55"/>
      <c r="AJ61" s="55"/>
      <c r="AK61" s="55"/>
      <c r="AL61" s="56"/>
      <c r="AM61" s="19"/>
      <c r="AN61" s="19"/>
      <c r="AO61" s="26"/>
    </row>
    <row r="62" spans="1:41" s="46" customFormat="1" ht="9.75" customHeight="1">
      <c r="A62" s="57"/>
      <c r="B62" s="141"/>
      <c r="C62" s="33"/>
      <c r="D62" s="141"/>
      <c r="E62" s="176"/>
      <c r="F62" s="179"/>
      <c r="G62" s="33"/>
      <c r="H62" s="59" t="s">
        <v>127</v>
      </c>
      <c r="I62" s="33"/>
      <c r="J62" s="59" t="s">
        <v>30</v>
      </c>
      <c r="K62" s="132" t="s">
        <v>30</v>
      </c>
      <c r="L62" s="33"/>
      <c r="M62" s="133" t="s">
        <v>30</v>
      </c>
      <c r="N62" s="60" t="s">
        <v>127</v>
      </c>
      <c r="O62" s="61"/>
      <c r="P62" s="61"/>
      <c r="Q62" s="58"/>
      <c r="R62" s="33"/>
      <c r="S62" s="61"/>
      <c r="T62" s="134" t="s">
        <v>128</v>
      </c>
      <c r="U62" s="61"/>
      <c r="V62" s="59" t="s">
        <v>30</v>
      </c>
      <c r="W62" s="60" t="s">
        <v>30</v>
      </c>
      <c r="X62" s="60" t="s">
        <v>30</v>
      </c>
      <c r="Y62" s="60" t="s">
        <v>121</v>
      </c>
      <c r="Z62" s="135"/>
      <c r="AA62" s="27"/>
      <c r="AB62" s="27"/>
      <c r="AC62" s="27"/>
      <c r="AD62" s="28"/>
      <c r="AE62" s="29"/>
      <c r="AF62" s="29"/>
      <c r="AG62" s="29"/>
      <c r="AH62" s="27"/>
      <c r="AI62" s="27"/>
      <c r="AJ62" s="27"/>
      <c r="AK62" s="27"/>
      <c r="AL62" s="28"/>
      <c r="AM62" s="29"/>
      <c r="AN62" s="29"/>
      <c r="AO62" s="30"/>
    </row>
    <row r="63" spans="1:41" s="46" customFormat="1" ht="9.75" customHeight="1">
      <c r="A63" s="57"/>
      <c r="B63" s="141"/>
      <c r="C63" s="33"/>
      <c r="D63" s="141"/>
      <c r="E63" s="176"/>
      <c r="F63" s="179"/>
      <c r="G63" s="33"/>
      <c r="H63" s="59"/>
      <c r="I63" s="33"/>
      <c r="J63" s="59"/>
      <c r="K63" s="132"/>
      <c r="L63" s="33"/>
      <c r="M63" s="133"/>
      <c r="N63" s="60"/>
      <c r="O63" s="61"/>
      <c r="P63" s="61"/>
      <c r="Q63" s="58"/>
      <c r="R63" s="33"/>
      <c r="S63" s="61"/>
      <c r="T63" s="134"/>
      <c r="U63" s="61"/>
      <c r="V63" s="59"/>
      <c r="W63" s="60"/>
      <c r="X63" s="60"/>
      <c r="Y63" s="60"/>
      <c r="Z63" s="135"/>
      <c r="AA63" s="27"/>
      <c r="AB63" s="27"/>
      <c r="AC63" s="27"/>
      <c r="AD63" s="28"/>
      <c r="AE63" s="29"/>
      <c r="AF63" s="29"/>
      <c r="AG63" s="29"/>
      <c r="AH63" s="27"/>
      <c r="AI63" s="27"/>
      <c r="AJ63" s="27"/>
      <c r="AK63" s="27"/>
      <c r="AL63" s="28"/>
      <c r="AM63" s="29"/>
      <c r="AN63" s="29"/>
      <c r="AO63" s="30"/>
    </row>
    <row r="64" spans="1:41" s="46" customFormat="1" ht="9.75" customHeight="1">
      <c r="A64" s="57"/>
      <c r="B64" s="131"/>
      <c r="C64" s="33"/>
      <c r="D64" s="141"/>
      <c r="E64" s="33"/>
      <c r="F64" s="34"/>
      <c r="G64" s="33"/>
      <c r="H64" s="59"/>
      <c r="I64" s="33"/>
      <c r="J64" s="59"/>
      <c r="K64" s="132"/>
      <c r="L64" s="33"/>
      <c r="M64" s="133"/>
      <c r="N64" s="60"/>
      <c r="O64" s="61"/>
      <c r="P64" s="185" t="s">
        <v>124</v>
      </c>
      <c r="Q64" s="178" t="s">
        <v>125</v>
      </c>
      <c r="R64" s="48"/>
      <c r="S64" s="52"/>
      <c r="T64" s="130"/>
      <c r="U64" s="52"/>
      <c r="V64" s="50"/>
      <c r="W64" s="51"/>
      <c r="X64" s="51"/>
      <c r="Y64" s="51"/>
      <c r="Z64" s="122" t="s">
        <v>3</v>
      </c>
      <c r="AA64" s="55"/>
      <c r="AB64" s="55"/>
      <c r="AC64" s="55"/>
      <c r="AD64" s="56"/>
      <c r="AE64" s="19"/>
      <c r="AF64" s="19"/>
      <c r="AG64" s="19"/>
      <c r="AH64" s="55"/>
      <c r="AI64" s="55"/>
      <c r="AJ64" s="55"/>
      <c r="AK64" s="55"/>
      <c r="AL64" s="56"/>
      <c r="AM64" s="19"/>
      <c r="AN64" s="19"/>
      <c r="AO64" s="26"/>
    </row>
    <row r="65" spans="1:41" s="46" customFormat="1" ht="9.75" customHeight="1">
      <c r="A65" s="57"/>
      <c r="B65" s="131"/>
      <c r="C65" s="33"/>
      <c r="D65" s="141"/>
      <c r="E65" s="33"/>
      <c r="F65" s="34"/>
      <c r="G65" s="33"/>
      <c r="H65" s="59"/>
      <c r="I65" s="33"/>
      <c r="J65" s="59"/>
      <c r="K65" s="132"/>
      <c r="L65" s="33"/>
      <c r="M65" s="133"/>
      <c r="N65" s="60"/>
      <c r="O65" s="61"/>
      <c r="P65" s="186"/>
      <c r="Q65" s="179"/>
      <c r="R65" s="33"/>
      <c r="S65" s="61" t="s">
        <v>127</v>
      </c>
      <c r="T65" s="134" t="s">
        <v>128</v>
      </c>
      <c r="U65" s="61"/>
      <c r="V65" s="59" t="s">
        <v>30</v>
      </c>
      <c r="W65" s="60" t="s">
        <v>30</v>
      </c>
      <c r="X65" s="60" t="s">
        <v>30</v>
      </c>
      <c r="Y65" s="60" t="s">
        <v>121</v>
      </c>
      <c r="Z65" s="135"/>
      <c r="AA65" s="27"/>
      <c r="AB65" s="27"/>
      <c r="AC65" s="27"/>
      <c r="AD65" s="28"/>
      <c r="AE65" s="29"/>
      <c r="AF65" s="29"/>
      <c r="AG65" s="29"/>
      <c r="AH65" s="27"/>
      <c r="AI65" s="27"/>
      <c r="AJ65" s="27"/>
      <c r="AK65" s="27"/>
      <c r="AL65" s="28"/>
      <c r="AM65" s="29"/>
      <c r="AN65" s="29"/>
      <c r="AO65" s="30"/>
    </row>
    <row r="66" spans="1:41" s="46" customFormat="1" ht="9.75" customHeight="1">
      <c r="A66" s="57"/>
      <c r="B66" s="131"/>
      <c r="C66" s="33"/>
      <c r="D66" s="141"/>
      <c r="E66" s="33"/>
      <c r="F66" s="34"/>
      <c r="G66" s="33"/>
      <c r="H66" s="59"/>
      <c r="I66" s="33"/>
      <c r="J66" s="59"/>
      <c r="K66" s="132"/>
      <c r="L66" s="33"/>
      <c r="M66" s="133"/>
      <c r="N66" s="60"/>
      <c r="O66" s="61"/>
      <c r="P66" s="187"/>
      <c r="Q66" s="180"/>
      <c r="R66" s="33"/>
      <c r="S66" s="61"/>
      <c r="T66" s="134"/>
      <c r="U66" s="61"/>
      <c r="V66" s="59"/>
      <c r="W66" s="60"/>
      <c r="X66" s="60"/>
      <c r="Y66" s="60"/>
      <c r="Z66" s="135"/>
      <c r="AA66" s="27"/>
      <c r="AB66" s="27"/>
      <c r="AC66" s="27"/>
      <c r="AD66" s="28"/>
      <c r="AE66" s="29"/>
      <c r="AF66" s="29"/>
      <c r="AG66" s="29"/>
      <c r="AH66" s="27"/>
      <c r="AI66" s="27"/>
      <c r="AJ66" s="27"/>
      <c r="AK66" s="27"/>
      <c r="AL66" s="28"/>
      <c r="AM66" s="29"/>
      <c r="AN66" s="29"/>
      <c r="AO66" s="30"/>
    </row>
    <row r="67" spans="1:41" s="46" customFormat="1" ht="9.75" customHeight="1">
      <c r="A67" s="80"/>
      <c r="B67" s="142"/>
      <c r="C67" s="52"/>
      <c r="D67" s="142"/>
      <c r="E67" s="52"/>
      <c r="F67" s="76"/>
      <c r="G67" s="82"/>
      <c r="H67" s="83"/>
      <c r="I67" s="82"/>
      <c r="J67" s="83"/>
      <c r="K67" s="143"/>
      <c r="L67" s="82"/>
      <c r="M67" s="144"/>
      <c r="N67" s="84"/>
      <c r="O67" s="85"/>
      <c r="P67" s="85"/>
      <c r="Q67" s="86"/>
      <c r="R67" s="82"/>
      <c r="S67" s="85"/>
      <c r="T67" s="145"/>
      <c r="U67" s="85"/>
      <c r="V67" s="83"/>
      <c r="W67" s="84"/>
      <c r="X67" s="84"/>
      <c r="Y67" s="84"/>
      <c r="Z67" s="146" t="s">
        <v>79</v>
      </c>
      <c r="AA67" s="89"/>
      <c r="AB67" s="89"/>
      <c r="AC67" s="89"/>
      <c r="AD67" s="90"/>
      <c r="AE67" s="91"/>
      <c r="AF67" s="91"/>
      <c r="AG67" s="91"/>
      <c r="AH67" s="89"/>
      <c r="AI67" s="89"/>
      <c r="AJ67" s="89"/>
      <c r="AK67" s="89"/>
      <c r="AL67" s="90"/>
      <c r="AM67" s="91"/>
      <c r="AN67" s="91"/>
      <c r="AO67" s="92"/>
    </row>
    <row r="68" spans="1:41" s="46" customFormat="1" ht="9.75" customHeight="1">
      <c r="A68" s="181" t="s">
        <v>129</v>
      </c>
      <c r="B68" s="182"/>
      <c r="C68" s="183"/>
      <c r="D68" s="183"/>
      <c r="E68" s="183"/>
      <c r="F68" s="184"/>
      <c r="G68" s="230" t="s">
        <v>25</v>
      </c>
      <c r="H68" s="231"/>
      <c r="I68" s="35"/>
      <c r="J68" s="36" t="s">
        <v>26</v>
      </c>
      <c r="K68" s="37" t="s">
        <v>27</v>
      </c>
      <c r="L68" s="35"/>
      <c r="M68" s="36" t="s">
        <v>30</v>
      </c>
      <c r="N68" s="124" t="s">
        <v>28</v>
      </c>
      <c r="O68" s="147"/>
      <c r="P68" s="38"/>
      <c r="Q68" s="39"/>
      <c r="R68" s="35"/>
      <c r="S68" s="38"/>
      <c r="T68" s="148" t="s">
        <v>80</v>
      </c>
      <c r="U68" s="38"/>
      <c r="V68" s="36" t="s">
        <v>30</v>
      </c>
      <c r="W68" s="37" t="s">
        <v>81</v>
      </c>
      <c r="X68" s="36" t="s">
        <v>30</v>
      </c>
      <c r="Y68" s="37" t="s">
        <v>82</v>
      </c>
      <c r="Z68" s="149"/>
      <c r="AA68" s="43"/>
      <c r="AB68" s="43"/>
      <c r="AC68" s="43"/>
      <c r="AD68" s="43"/>
      <c r="AE68" s="44"/>
      <c r="AF68" s="44"/>
      <c r="AG68" s="44"/>
      <c r="AH68" s="42"/>
      <c r="AI68" s="42"/>
      <c r="AJ68" s="42"/>
      <c r="AK68" s="42"/>
      <c r="AL68" s="43"/>
      <c r="AM68" s="43"/>
      <c r="AN68" s="43"/>
      <c r="AO68" s="45" t="s">
        <v>83</v>
      </c>
    </row>
    <row r="69" spans="1:41" s="46" customFormat="1" ht="9.75" customHeight="1">
      <c r="A69" s="93"/>
      <c r="B69" s="150"/>
      <c r="C69" s="98"/>
      <c r="D69" s="150"/>
      <c r="E69" s="98"/>
      <c r="F69" s="99"/>
      <c r="G69" s="95"/>
      <c r="H69" s="96"/>
      <c r="I69" s="95"/>
      <c r="J69" s="96"/>
      <c r="K69" s="151"/>
      <c r="L69" s="95"/>
      <c r="M69" s="152"/>
      <c r="N69" s="97"/>
      <c r="O69" s="98"/>
      <c r="P69" s="98"/>
      <c r="Q69" s="99"/>
      <c r="R69" s="95"/>
      <c r="S69" s="98"/>
      <c r="T69" s="153"/>
      <c r="U69" s="98"/>
      <c r="V69" s="96"/>
      <c r="W69" s="97"/>
      <c r="X69" s="97"/>
      <c r="Y69" s="97"/>
      <c r="Z69" s="154"/>
      <c r="AA69" s="102"/>
      <c r="AB69" s="102"/>
      <c r="AC69" s="102"/>
      <c r="AD69" s="103"/>
      <c r="AE69" s="104"/>
      <c r="AF69" s="104"/>
      <c r="AG69" s="104"/>
      <c r="AH69" s="102"/>
      <c r="AI69" s="102"/>
      <c r="AJ69" s="102"/>
      <c r="AK69" s="102"/>
      <c r="AL69" s="103"/>
      <c r="AM69" s="104"/>
      <c r="AN69" s="104"/>
      <c r="AO69" s="155"/>
    </row>
    <row r="70" spans="1:41" ht="9.75" customHeight="1">
      <c r="A70" s="105"/>
      <c r="B70" s="106"/>
      <c r="C70" s="106"/>
      <c r="D70" s="106"/>
      <c r="E70" s="106"/>
      <c r="F70" s="106"/>
      <c r="G70" s="106"/>
      <c r="H70" s="106"/>
      <c r="I70" s="106"/>
      <c r="J70" s="106"/>
      <c r="K70" s="106"/>
      <c r="L70" s="106"/>
      <c r="M70" s="106"/>
      <c r="N70" s="106"/>
      <c r="O70" s="106"/>
      <c r="P70" s="106"/>
      <c r="Q70" s="106"/>
      <c r="R70" s="106"/>
      <c r="S70" s="106"/>
      <c r="T70" s="106"/>
      <c r="U70" s="106"/>
      <c r="V70" s="106"/>
      <c r="W70" s="106"/>
      <c r="X70" s="106"/>
      <c r="Y70" s="106"/>
      <c r="Z70" s="107"/>
      <c r="AA70" s="107"/>
      <c r="AB70" s="107"/>
      <c r="AC70" s="107"/>
      <c r="AD70" s="107"/>
      <c r="AE70" s="107"/>
      <c r="AF70" s="107"/>
      <c r="AG70" s="107"/>
      <c r="AH70" s="107"/>
      <c r="AI70" s="107"/>
      <c r="AJ70" s="107"/>
      <c r="AK70" s="107"/>
      <c r="AL70" s="107"/>
      <c r="AM70" s="107"/>
      <c r="AN70" s="107"/>
      <c r="AO70" s="108"/>
    </row>
    <row r="71" spans="1:41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1"/>
    </row>
    <row r="72" spans="1:41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1"/>
    </row>
    <row r="73" spans="1:41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0"/>
      <c r="AN73" s="110"/>
      <c r="AO73" s="111"/>
    </row>
    <row r="74" spans="1:41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0"/>
      <c r="AN74" s="110"/>
      <c r="AO74" s="111"/>
    </row>
    <row r="75" spans="1:41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1"/>
    </row>
    <row r="76" spans="1:41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0"/>
      <c r="AN76" s="110"/>
      <c r="AO76" s="111"/>
    </row>
    <row r="77" spans="1:41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0"/>
      <c r="AN77" s="110"/>
      <c r="AO77" s="111"/>
    </row>
    <row r="78" spans="1:41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0"/>
      <c r="AN78" s="110"/>
      <c r="AO78" s="111"/>
    </row>
    <row r="79" spans="1:41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1"/>
    </row>
    <row r="80" spans="1:41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1"/>
    </row>
    <row r="81" spans="1:41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0"/>
      <c r="AN81" s="110"/>
      <c r="AO81" s="111"/>
    </row>
    <row r="82" spans="1:41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0"/>
      <c r="AN82" s="110"/>
      <c r="AO82" s="111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61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P22:P24"/>
    <mergeCell ref="Q22:Q24"/>
    <mergeCell ref="Q40:Q42"/>
    <mergeCell ref="P25:P27"/>
    <mergeCell ref="Q25:Q27"/>
    <mergeCell ref="P28:P30"/>
    <mergeCell ref="Q28:Q30"/>
    <mergeCell ref="P31:P33"/>
    <mergeCell ref="Q31:Q33"/>
    <mergeCell ref="C34:C36"/>
    <mergeCell ref="D34:D36"/>
    <mergeCell ref="E37:E39"/>
    <mergeCell ref="F37:F39"/>
    <mergeCell ref="P40:P42"/>
    <mergeCell ref="Q58:Q60"/>
    <mergeCell ref="C43:C45"/>
    <mergeCell ref="D43:D45"/>
    <mergeCell ref="E46:E48"/>
    <mergeCell ref="F46:F48"/>
    <mergeCell ref="P49:P51"/>
    <mergeCell ref="Q49:Q51"/>
    <mergeCell ref="C52:C54"/>
    <mergeCell ref="D52:D54"/>
    <mergeCell ref="E55:E57"/>
    <mergeCell ref="F55:F57"/>
    <mergeCell ref="P58:P60"/>
    <mergeCell ref="E61:E63"/>
    <mergeCell ref="F61:F63"/>
    <mergeCell ref="P64:P66"/>
    <mergeCell ref="Q64:Q66"/>
    <mergeCell ref="A68:F68"/>
    <mergeCell ref="G68:H68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646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194" t="s">
        <v>647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640</v>
      </c>
      <c r="I11" s="35" t="s">
        <v>133</v>
      </c>
      <c r="J11" s="36" t="s">
        <v>641</v>
      </c>
      <c r="K11" s="124" t="s">
        <v>30</v>
      </c>
      <c r="L11" s="35"/>
      <c r="M11" s="125" t="s">
        <v>30</v>
      </c>
      <c r="N11" s="37" t="s">
        <v>642</v>
      </c>
      <c r="O11" s="38"/>
      <c r="P11" s="186"/>
      <c r="Q11" s="234"/>
      <c r="R11" s="35"/>
      <c r="S11" s="38"/>
      <c r="T11" s="126" t="s">
        <v>643</v>
      </c>
      <c r="U11" s="38"/>
      <c r="V11" s="36" t="s">
        <v>30</v>
      </c>
      <c r="W11" s="37" t="s">
        <v>30</v>
      </c>
      <c r="X11" s="37" t="s">
        <v>30</v>
      </c>
      <c r="Y11" s="37" t="s">
        <v>648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78" t="s">
        <v>175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640</v>
      </c>
      <c r="I14" s="33" t="s">
        <v>133</v>
      </c>
      <c r="J14" s="59" t="s">
        <v>641</v>
      </c>
      <c r="K14" s="132" t="s">
        <v>30</v>
      </c>
      <c r="L14" s="33"/>
      <c r="M14" s="133" t="s">
        <v>30</v>
      </c>
      <c r="N14" s="60" t="s">
        <v>642</v>
      </c>
      <c r="O14" s="61"/>
      <c r="P14" s="61"/>
      <c r="Q14" s="34"/>
      <c r="R14" s="33"/>
      <c r="S14" s="61"/>
      <c r="T14" s="134" t="s">
        <v>643</v>
      </c>
      <c r="U14" s="61"/>
      <c r="V14" s="59" t="s">
        <v>30</v>
      </c>
      <c r="W14" s="60" t="s">
        <v>30</v>
      </c>
      <c r="X14" s="60" t="s">
        <v>30</v>
      </c>
      <c r="Y14" s="60" t="s">
        <v>648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78" t="s">
        <v>168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79"/>
      <c r="G17" s="33"/>
      <c r="H17" s="59" t="s">
        <v>640</v>
      </c>
      <c r="I17" s="33" t="s">
        <v>133</v>
      </c>
      <c r="J17" s="59" t="s">
        <v>641</v>
      </c>
      <c r="K17" s="132" t="s">
        <v>30</v>
      </c>
      <c r="L17" s="33"/>
      <c r="M17" s="133" t="s">
        <v>30</v>
      </c>
      <c r="N17" s="60" t="s">
        <v>642</v>
      </c>
      <c r="O17" s="61"/>
      <c r="P17" s="61"/>
      <c r="Q17" s="34"/>
      <c r="R17" s="33"/>
      <c r="S17" s="61"/>
      <c r="T17" s="134" t="s">
        <v>643</v>
      </c>
      <c r="U17" s="61"/>
      <c r="V17" s="59" t="s">
        <v>30</v>
      </c>
      <c r="W17" s="60" t="s">
        <v>30</v>
      </c>
      <c r="X17" s="60" t="s">
        <v>30</v>
      </c>
      <c r="Y17" s="60" t="s">
        <v>648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79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74</v>
      </c>
      <c r="Q19" s="178" t="s">
        <v>175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642</v>
      </c>
      <c r="T20" s="134" t="s">
        <v>643</v>
      </c>
      <c r="U20" s="61"/>
      <c r="V20" s="59" t="s">
        <v>30</v>
      </c>
      <c r="W20" s="60" t="s">
        <v>30</v>
      </c>
      <c r="X20" s="60" t="s">
        <v>30</v>
      </c>
      <c r="Y20" s="60" t="s">
        <v>648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33"/>
      <c r="D21" s="131"/>
      <c r="E21" s="33"/>
      <c r="F21" s="58"/>
      <c r="G21" s="33"/>
      <c r="H21" s="59"/>
      <c r="I21" s="33"/>
      <c r="J21" s="59"/>
      <c r="K21" s="132"/>
      <c r="L21" s="33"/>
      <c r="M21" s="133"/>
      <c r="N21" s="60"/>
      <c r="O21" s="61"/>
      <c r="P21" s="187"/>
      <c r="Q21" s="180"/>
      <c r="R21" s="33"/>
      <c r="S21" s="61"/>
      <c r="T21" s="134"/>
      <c r="U21" s="61"/>
      <c r="V21" s="59"/>
      <c r="W21" s="60"/>
      <c r="X21" s="60"/>
      <c r="Y21" s="60"/>
      <c r="Z21" s="135"/>
      <c r="AA21" s="27"/>
      <c r="AB21" s="27"/>
      <c r="AC21" s="27"/>
      <c r="AD21" s="28"/>
      <c r="AE21" s="29"/>
      <c r="AF21" s="29"/>
      <c r="AG21" s="29"/>
      <c r="AH21" s="27"/>
      <c r="AI21" s="27"/>
      <c r="AJ21" s="27"/>
      <c r="AK21" s="27"/>
      <c r="AL21" s="28"/>
      <c r="AM21" s="29"/>
      <c r="AN21" s="29"/>
      <c r="AO21" s="30"/>
    </row>
    <row r="22" spans="1:41" s="46" customFormat="1" ht="9.75" customHeight="1">
      <c r="A22" s="80"/>
      <c r="B22" s="142"/>
      <c r="C22" s="52"/>
      <c r="D22" s="142"/>
      <c r="E22" s="52"/>
      <c r="F22" s="76"/>
      <c r="G22" s="82"/>
      <c r="H22" s="83"/>
      <c r="I22" s="82"/>
      <c r="J22" s="83"/>
      <c r="K22" s="143"/>
      <c r="L22" s="82"/>
      <c r="M22" s="144"/>
      <c r="N22" s="84"/>
      <c r="O22" s="85"/>
      <c r="P22" s="85"/>
      <c r="Q22" s="86"/>
      <c r="R22" s="82"/>
      <c r="S22" s="85"/>
      <c r="T22" s="145"/>
      <c r="U22" s="85"/>
      <c r="V22" s="83"/>
      <c r="W22" s="84"/>
      <c r="X22" s="84"/>
      <c r="Y22" s="84"/>
      <c r="Z22" s="146" t="s">
        <v>3</v>
      </c>
      <c r="AA22" s="89"/>
      <c r="AB22" s="89"/>
      <c r="AC22" s="89"/>
      <c r="AD22" s="90"/>
      <c r="AE22" s="91"/>
      <c r="AF22" s="91"/>
      <c r="AG22" s="91"/>
      <c r="AH22" s="89"/>
      <c r="AI22" s="89"/>
      <c r="AJ22" s="89"/>
      <c r="AK22" s="89"/>
      <c r="AL22" s="90"/>
      <c r="AM22" s="91"/>
      <c r="AN22" s="91"/>
      <c r="AO22" s="92"/>
    </row>
    <row r="23" spans="1:41" s="46" customFormat="1" ht="9.75" customHeight="1">
      <c r="A23" s="181" t="s">
        <v>129</v>
      </c>
      <c r="B23" s="182"/>
      <c r="C23" s="183"/>
      <c r="D23" s="183"/>
      <c r="E23" s="183"/>
      <c r="F23" s="184"/>
      <c r="G23" s="230" t="s">
        <v>640</v>
      </c>
      <c r="H23" s="231"/>
      <c r="I23" s="35" t="s">
        <v>133</v>
      </c>
      <c r="J23" s="36" t="s">
        <v>641</v>
      </c>
      <c r="K23" s="37" t="s">
        <v>30</v>
      </c>
      <c r="L23" s="35"/>
      <c r="M23" s="36" t="s">
        <v>30</v>
      </c>
      <c r="N23" s="124" t="s">
        <v>642</v>
      </c>
      <c r="O23" s="147"/>
      <c r="P23" s="38"/>
      <c r="Q23" s="39"/>
      <c r="R23" s="35"/>
      <c r="S23" s="38"/>
      <c r="T23" s="148" t="s">
        <v>643</v>
      </c>
      <c r="U23" s="38"/>
      <c r="V23" s="36" t="s">
        <v>30</v>
      </c>
      <c r="W23" s="37" t="s">
        <v>30</v>
      </c>
      <c r="X23" s="36" t="s">
        <v>30</v>
      </c>
      <c r="Y23" s="37" t="s">
        <v>648</v>
      </c>
      <c r="Z23" s="149"/>
      <c r="AA23" s="43"/>
      <c r="AB23" s="43"/>
      <c r="AC23" s="43"/>
      <c r="AD23" s="43"/>
      <c r="AE23" s="44"/>
      <c r="AF23" s="44"/>
      <c r="AG23" s="44"/>
      <c r="AH23" s="42"/>
      <c r="AI23" s="42"/>
      <c r="AJ23" s="42"/>
      <c r="AK23" s="42"/>
      <c r="AL23" s="43"/>
      <c r="AM23" s="43"/>
      <c r="AN23" s="43"/>
      <c r="AO23" s="45"/>
    </row>
    <row r="24" spans="1:41" s="46" customFormat="1" ht="9.75" customHeight="1">
      <c r="A24" s="93"/>
      <c r="B24" s="150"/>
      <c r="C24" s="98"/>
      <c r="D24" s="150"/>
      <c r="E24" s="98"/>
      <c r="F24" s="99"/>
      <c r="G24" s="95"/>
      <c r="H24" s="96"/>
      <c r="I24" s="95"/>
      <c r="J24" s="96"/>
      <c r="K24" s="151"/>
      <c r="L24" s="95"/>
      <c r="M24" s="152"/>
      <c r="N24" s="97"/>
      <c r="O24" s="98"/>
      <c r="P24" s="98"/>
      <c r="Q24" s="99"/>
      <c r="R24" s="95"/>
      <c r="S24" s="98"/>
      <c r="T24" s="153"/>
      <c r="U24" s="98"/>
      <c r="V24" s="96"/>
      <c r="W24" s="97"/>
      <c r="X24" s="97"/>
      <c r="Y24" s="97"/>
      <c r="Z24" s="154"/>
      <c r="AA24" s="102"/>
      <c r="AB24" s="102"/>
      <c r="AC24" s="102"/>
      <c r="AD24" s="103"/>
      <c r="AE24" s="104"/>
      <c r="AF24" s="104"/>
      <c r="AG24" s="104"/>
      <c r="AH24" s="102"/>
      <c r="AI24" s="102"/>
      <c r="AJ24" s="102"/>
      <c r="AK24" s="102"/>
      <c r="AL24" s="103"/>
      <c r="AM24" s="104"/>
      <c r="AN24" s="104"/>
      <c r="AO24" s="155"/>
    </row>
    <row r="25" spans="1:41" ht="9.75" customHeight="1">
      <c r="A25" s="105"/>
      <c r="B25" s="106"/>
      <c r="C25" s="106"/>
      <c r="D25" s="106"/>
      <c r="E25" s="106"/>
      <c r="F25" s="106"/>
      <c r="G25" s="106"/>
      <c r="H25" s="106"/>
      <c r="I25" s="106"/>
      <c r="J25" s="106"/>
      <c r="K25" s="106"/>
      <c r="L25" s="106"/>
      <c r="M25" s="106"/>
      <c r="N25" s="106"/>
      <c r="O25" s="106"/>
      <c r="P25" s="106"/>
      <c r="Q25" s="106"/>
      <c r="R25" s="106"/>
      <c r="S25" s="106"/>
      <c r="T25" s="106"/>
      <c r="U25" s="106"/>
      <c r="V25" s="106"/>
      <c r="W25" s="106"/>
      <c r="X25" s="106"/>
      <c r="Y25" s="106"/>
      <c r="Z25" s="107"/>
      <c r="AA25" s="107"/>
      <c r="AB25" s="107"/>
      <c r="AC25" s="107"/>
      <c r="AD25" s="107"/>
      <c r="AE25" s="107"/>
      <c r="AF25" s="107"/>
      <c r="AG25" s="107"/>
      <c r="AH25" s="107"/>
      <c r="AI25" s="107"/>
      <c r="AJ25" s="107"/>
      <c r="AK25" s="107"/>
      <c r="AL25" s="107"/>
      <c r="AM25" s="107"/>
      <c r="AN25" s="107"/>
      <c r="AO25" s="108"/>
    </row>
    <row r="26" spans="1:41" ht="9.75" customHeight="1">
      <c r="A26" s="109"/>
      <c r="B26" s="110"/>
      <c r="C26" s="110"/>
      <c r="D26" s="110"/>
      <c r="E26" s="110"/>
      <c r="F26" s="110"/>
      <c r="G26" s="110"/>
      <c r="H26" s="110"/>
      <c r="I26" s="110"/>
      <c r="J26" s="110"/>
      <c r="K26" s="110"/>
      <c r="L26" s="110"/>
      <c r="M26" s="110"/>
      <c r="N26" s="110"/>
      <c r="O26" s="110"/>
      <c r="P26" s="110"/>
      <c r="Q26" s="110"/>
      <c r="R26" s="110"/>
      <c r="S26" s="110"/>
      <c r="T26" s="110"/>
      <c r="U26" s="110"/>
      <c r="V26" s="110"/>
      <c r="W26" s="110"/>
      <c r="X26" s="110"/>
      <c r="Y26" s="110"/>
      <c r="Z26" s="110"/>
      <c r="AA26" s="110"/>
      <c r="AB26" s="110"/>
      <c r="AC26" s="110"/>
      <c r="AD26" s="110"/>
      <c r="AE26" s="110"/>
      <c r="AF26" s="110"/>
      <c r="AG26" s="110"/>
      <c r="AH26" s="110"/>
      <c r="AI26" s="110"/>
      <c r="AJ26" s="110"/>
      <c r="AK26" s="110"/>
      <c r="AL26" s="110"/>
      <c r="AM26" s="110"/>
      <c r="AN26" s="110"/>
      <c r="AO26" s="111"/>
    </row>
    <row r="27" spans="1:41" ht="9.75" customHeight="1">
      <c r="A27" s="109"/>
      <c r="B27" s="110"/>
      <c r="C27" s="110"/>
      <c r="D27" s="110"/>
      <c r="E27" s="110"/>
      <c r="F27" s="110"/>
      <c r="G27" s="110"/>
      <c r="H27" s="110"/>
      <c r="I27" s="110"/>
      <c r="J27" s="110"/>
      <c r="K27" s="110"/>
      <c r="L27" s="110"/>
      <c r="M27" s="110"/>
      <c r="N27" s="110"/>
      <c r="O27" s="110"/>
      <c r="P27" s="110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1"/>
    </row>
    <row r="28" spans="1:41" ht="9.75" customHeight="1">
      <c r="A28" s="109"/>
      <c r="B28" s="110"/>
      <c r="C28" s="110"/>
      <c r="D28" s="110"/>
      <c r="E28" s="110"/>
      <c r="F28" s="110"/>
      <c r="G28" s="110"/>
      <c r="H28" s="110"/>
      <c r="I28" s="110"/>
      <c r="J28" s="110"/>
      <c r="K28" s="110"/>
      <c r="L28" s="110"/>
      <c r="M28" s="110"/>
      <c r="N28" s="110"/>
      <c r="O28" s="110"/>
      <c r="P28" s="110"/>
      <c r="Q28" s="110"/>
      <c r="R28" s="110"/>
      <c r="S28" s="110"/>
      <c r="T28" s="110"/>
      <c r="U28" s="110"/>
      <c r="V28" s="110"/>
      <c r="W28" s="110"/>
      <c r="X28" s="110"/>
      <c r="Y28" s="110"/>
      <c r="Z28" s="110"/>
      <c r="AA28" s="110"/>
      <c r="AB28" s="110"/>
      <c r="AC28" s="110"/>
      <c r="AD28" s="110"/>
      <c r="AE28" s="110"/>
      <c r="AF28" s="110"/>
      <c r="AG28" s="110"/>
      <c r="AH28" s="110"/>
      <c r="AI28" s="110"/>
      <c r="AJ28" s="110"/>
      <c r="AK28" s="110"/>
      <c r="AL28" s="110"/>
      <c r="AM28" s="110"/>
      <c r="AN28" s="110"/>
      <c r="AO28" s="111"/>
    </row>
    <row r="29" spans="1:41" ht="9.75" customHeight="1">
      <c r="A29" s="109"/>
      <c r="B29" s="110"/>
      <c r="C29" s="110"/>
      <c r="D29" s="110"/>
      <c r="E29" s="110"/>
      <c r="F29" s="110"/>
      <c r="G29" s="110"/>
      <c r="H29" s="110"/>
      <c r="I29" s="110"/>
      <c r="J29" s="110"/>
      <c r="K29" s="110"/>
      <c r="L29" s="110"/>
      <c r="M29" s="110"/>
      <c r="N29" s="110"/>
      <c r="O29" s="110"/>
      <c r="P29" s="110"/>
      <c r="Q29" s="110"/>
      <c r="R29" s="110"/>
      <c r="S29" s="110"/>
      <c r="T29" s="110"/>
      <c r="U29" s="110"/>
      <c r="V29" s="110"/>
      <c r="W29" s="110"/>
      <c r="X29" s="110"/>
      <c r="Y29" s="110"/>
      <c r="Z29" s="110"/>
      <c r="AA29" s="110"/>
      <c r="AB29" s="110"/>
      <c r="AC29" s="110"/>
      <c r="AD29" s="110"/>
      <c r="AE29" s="110"/>
      <c r="AF29" s="110"/>
      <c r="AG29" s="110"/>
      <c r="AH29" s="110"/>
      <c r="AI29" s="110"/>
      <c r="AJ29" s="110"/>
      <c r="AK29" s="110"/>
      <c r="AL29" s="110"/>
      <c r="AM29" s="110"/>
      <c r="AN29" s="110"/>
      <c r="AO29" s="111"/>
    </row>
    <row r="30" spans="1:41" ht="9.75" customHeight="1">
      <c r="A30" s="109"/>
      <c r="B30" s="110"/>
      <c r="C30" s="110"/>
      <c r="D30" s="110"/>
      <c r="E30" s="110"/>
      <c r="F30" s="110"/>
      <c r="G30" s="110"/>
      <c r="H30" s="110"/>
      <c r="I30" s="110"/>
      <c r="J30" s="110"/>
      <c r="K30" s="110"/>
      <c r="L30" s="110"/>
      <c r="M30" s="110"/>
      <c r="N30" s="110"/>
      <c r="O30" s="110"/>
      <c r="P30" s="110"/>
      <c r="Q30" s="110"/>
      <c r="R30" s="110"/>
      <c r="S30" s="110"/>
      <c r="T30" s="110"/>
      <c r="U30" s="110"/>
      <c r="V30" s="110"/>
      <c r="W30" s="110"/>
      <c r="X30" s="110"/>
      <c r="Y30" s="110"/>
      <c r="Z30" s="110"/>
      <c r="AA30" s="110"/>
      <c r="AB30" s="110"/>
      <c r="AC30" s="110"/>
      <c r="AD30" s="110"/>
      <c r="AE30" s="110"/>
      <c r="AF30" s="110"/>
      <c r="AG30" s="110"/>
      <c r="AH30" s="110"/>
      <c r="AI30" s="110"/>
      <c r="AJ30" s="110"/>
      <c r="AK30" s="110"/>
      <c r="AL30" s="110"/>
      <c r="AM30" s="110"/>
      <c r="AN30" s="110"/>
      <c r="AO30" s="111"/>
    </row>
    <row r="31" spans="1:41" ht="9.75" customHeight="1">
      <c r="A31" s="109"/>
      <c r="B31" s="110"/>
      <c r="C31" s="110"/>
      <c r="D31" s="110"/>
      <c r="E31" s="110"/>
      <c r="F31" s="110"/>
      <c r="G31" s="110"/>
      <c r="H31" s="110"/>
      <c r="I31" s="110"/>
      <c r="J31" s="110"/>
      <c r="K31" s="110"/>
      <c r="L31" s="110"/>
      <c r="M31" s="110"/>
      <c r="N31" s="110"/>
      <c r="O31" s="110"/>
      <c r="P31" s="110"/>
      <c r="Q31" s="110"/>
      <c r="R31" s="110"/>
      <c r="S31" s="110"/>
      <c r="T31" s="110"/>
      <c r="U31" s="110"/>
      <c r="V31" s="110"/>
      <c r="W31" s="110"/>
      <c r="X31" s="110"/>
      <c r="Y31" s="110"/>
      <c r="Z31" s="110"/>
      <c r="AA31" s="110"/>
      <c r="AB31" s="110"/>
      <c r="AC31" s="110"/>
      <c r="AD31" s="110"/>
      <c r="AE31" s="110"/>
      <c r="AF31" s="110"/>
      <c r="AG31" s="110"/>
      <c r="AH31" s="110"/>
      <c r="AI31" s="110"/>
      <c r="AJ31" s="110"/>
      <c r="AK31" s="110"/>
      <c r="AL31" s="110"/>
      <c r="AM31" s="110"/>
      <c r="AN31" s="110"/>
      <c r="AO31" s="111"/>
    </row>
    <row r="32" spans="1:41" ht="9.75" customHeight="1">
      <c r="A32" s="109"/>
      <c r="B32" s="110"/>
      <c r="C32" s="110"/>
      <c r="D32" s="110"/>
      <c r="E32" s="110"/>
      <c r="F32" s="110"/>
      <c r="G32" s="110"/>
      <c r="H32" s="110"/>
      <c r="I32" s="110"/>
      <c r="J32" s="110"/>
      <c r="K32" s="110"/>
      <c r="L32" s="110"/>
      <c r="M32" s="110"/>
      <c r="N32" s="110"/>
      <c r="O32" s="110"/>
      <c r="P32" s="110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1"/>
    </row>
    <row r="33" spans="1:41" ht="9.75" customHeight="1">
      <c r="A33" s="109"/>
      <c r="B33" s="110"/>
      <c r="C33" s="110"/>
      <c r="D33" s="110"/>
      <c r="E33" s="110"/>
      <c r="F33" s="110"/>
      <c r="G33" s="110"/>
      <c r="H33" s="110"/>
      <c r="I33" s="110"/>
      <c r="J33" s="110"/>
      <c r="K33" s="110"/>
      <c r="L33" s="110"/>
      <c r="M33" s="110"/>
      <c r="N33" s="110"/>
      <c r="O33" s="110"/>
      <c r="P33" s="110"/>
      <c r="Q33" s="110"/>
      <c r="R33" s="110"/>
      <c r="S33" s="110"/>
      <c r="T33" s="110"/>
      <c r="U33" s="110"/>
      <c r="V33" s="110"/>
      <c r="W33" s="110"/>
      <c r="X33" s="110"/>
      <c r="Y33" s="110"/>
      <c r="Z33" s="110"/>
      <c r="AA33" s="110"/>
      <c r="AB33" s="110"/>
      <c r="AC33" s="110"/>
      <c r="AD33" s="110"/>
      <c r="AE33" s="110"/>
      <c r="AF33" s="110"/>
      <c r="AG33" s="110"/>
      <c r="AH33" s="110"/>
      <c r="AI33" s="110"/>
      <c r="AJ33" s="110"/>
      <c r="AK33" s="110"/>
      <c r="AL33" s="110"/>
      <c r="AM33" s="110"/>
      <c r="AN33" s="110"/>
      <c r="AO33" s="111"/>
    </row>
    <row r="34" spans="1:41" ht="9.75" customHeight="1">
      <c r="A34" s="109"/>
      <c r="B34" s="110"/>
      <c r="C34" s="110"/>
      <c r="D34" s="110"/>
      <c r="E34" s="110"/>
      <c r="F34" s="110"/>
      <c r="G34" s="110"/>
      <c r="H34" s="110"/>
      <c r="I34" s="110"/>
      <c r="J34" s="110"/>
      <c r="K34" s="110"/>
      <c r="L34" s="110"/>
      <c r="M34" s="110"/>
      <c r="N34" s="110"/>
      <c r="O34" s="110"/>
      <c r="P34" s="110"/>
      <c r="Q34" s="110"/>
      <c r="R34" s="110"/>
      <c r="S34" s="110"/>
      <c r="T34" s="110"/>
      <c r="U34" s="110"/>
      <c r="V34" s="110"/>
      <c r="W34" s="110"/>
      <c r="X34" s="110"/>
      <c r="Y34" s="110"/>
      <c r="Z34" s="110"/>
      <c r="AA34" s="110"/>
      <c r="AB34" s="110"/>
      <c r="AC34" s="110"/>
      <c r="AD34" s="110"/>
      <c r="AE34" s="110"/>
      <c r="AF34" s="110"/>
      <c r="AG34" s="110"/>
      <c r="AH34" s="110"/>
      <c r="AI34" s="110"/>
      <c r="AJ34" s="110"/>
      <c r="AK34" s="110"/>
      <c r="AL34" s="110"/>
      <c r="AM34" s="110"/>
      <c r="AN34" s="110"/>
      <c r="AO34" s="111"/>
    </row>
    <row r="35" spans="1:41" ht="9.75" customHeight="1">
      <c r="A35" s="109"/>
      <c r="B35" s="110"/>
      <c r="C35" s="110"/>
      <c r="D35" s="110"/>
      <c r="E35" s="110"/>
      <c r="F35" s="110"/>
      <c r="G35" s="110"/>
      <c r="H35" s="110"/>
      <c r="I35" s="110"/>
      <c r="J35" s="110"/>
      <c r="K35" s="110"/>
      <c r="L35" s="110"/>
      <c r="M35" s="110"/>
      <c r="N35" s="110"/>
      <c r="O35" s="110"/>
      <c r="P35" s="110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1"/>
    </row>
    <row r="36" spans="1:41" ht="9.75" customHeight="1">
      <c r="A36" s="109"/>
      <c r="B36" s="110"/>
      <c r="C36" s="110"/>
      <c r="D36" s="110"/>
      <c r="E36" s="110"/>
      <c r="F36" s="110"/>
      <c r="G36" s="110"/>
      <c r="H36" s="110"/>
      <c r="I36" s="110"/>
      <c r="J36" s="110"/>
      <c r="K36" s="110"/>
      <c r="L36" s="110"/>
      <c r="M36" s="110"/>
      <c r="N36" s="110"/>
      <c r="O36" s="110"/>
      <c r="P36" s="110"/>
      <c r="Q36" s="110"/>
      <c r="R36" s="110"/>
      <c r="S36" s="110"/>
      <c r="T36" s="110"/>
      <c r="U36" s="110"/>
      <c r="V36" s="110"/>
      <c r="W36" s="110"/>
      <c r="X36" s="110"/>
      <c r="Y36" s="110"/>
      <c r="Z36" s="110"/>
      <c r="AA36" s="110"/>
      <c r="AB36" s="110"/>
      <c r="AC36" s="110"/>
      <c r="AD36" s="110"/>
      <c r="AE36" s="110"/>
      <c r="AF36" s="110"/>
      <c r="AG36" s="110"/>
      <c r="AH36" s="110"/>
      <c r="AI36" s="110"/>
      <c r="AJ36" s="110"/>
      <c r="AK36" s="110"/>
      <c r="AL36" s="110"/>
      <c r="AM36" s="110"/>
      <c r="AN36" s="110"/>
      <c r="AO36" s="111"/>
    </row>
    <row r="37" spans="1:41" ht="9.75" customHeight="1">
      <c r="A37" s="109"/>
      <c r="B37" s="110"/>
      <c r="C37" s="110"/>
      <c r="D37" s="110"/>
      <c r="E37" s="110"/>
      <c r="F37" s="110"/>
      <c r="G37" s="110"/>
      <c r="H37" s="110"/>
      <c r="I37" s="110"/>
      <c r="J37" s="110"/>
      <c r="K37" s="110"/>
      <c r="L37" s="110"/>
      <c r="M37" s="110"/>
      <c r="N37" s="110"/>
      <c r="O37" s="110"/>
      <c r="P37" s="110"/>
      <c r="Q37" s="110"/>
      <c r="R37" s="110"/>
      <c r="S37" s="110"/>
      <c r="T37" s="110"/>
      <c r="U37" s="110"/>
      <c r="V37" s="110"/>
      <c r="W37" s="110"/>
      <c r="X37" s="110"/>
      <c r="Y37" s="110"/>
      <c r="Z37" s="110"/>
      <c r="AA37" s="110"/>
      <c r="AB37" s="110"/>
      <c r="AC37" s="110"/>
      <c r="AD37" s="110"/>
      <c r="AE37" s="110"/>
      <c r="AF37" s="110"/>
      <c r="AG37" s="110"/>
      <c r="AH37" s="110"/>
      <c r="AI37" s="110"/>
      <c r="AJ37" s="110"/>
      <c r="AK37" s="110"/>
      <c r="AL37" s="110"/>
      <c r="AM37" s="110"/>
      <c r="AN37" s="110"/>
      <c r="AO37" s="111"/>
    </row>
    <row r="38" spans="1:41" ht="9.75" customHeight="1">
      <c r="A38" s="109"/>
      <c r="B38" s="110"/>
      <c r="C38" s="110"/>
      <c r="D38" s="110"/>
      <c r="E38" s="110"/>
      <c r="F38" s="110"/>
      <c r="G38" s="110"/>
      <c r="H38" s="110"/>
      <c r="I38" s="110"/>
      <c r="J38" s="110"/>
      <c r="K38" s="110"/>
      <c r="L38" s="110"/>
      <c r="M38" s="110"/>
      <c r="N38" s="110"/>
      <c r="O38" s="110"/>
      <c r="P38" s="110"/>
      <c r="Q38" s="110"/>
      <c r="R38" s="110"/>
      <c r="S38" s="110"/>
      <c r="T38" s="110"/>
      <c r="U38" s="110"/>
      <c r="V38" s="110"/>
      <c r="W38" s="110"/>
      <c r="X38" s="110"/>
      <c r="Y38" s="110"/>
      <c r="Z38" s="110"/>
      <c r="AA38" s="110"/>
      <c r="AB38" s="110"/>
      <c r="AC38" s="110"/>
      <c r="AD38" s="110"/>
      <c r="AE38" s="110"/>
      <c r="AF38" s="110"/>
      <c r="AG38" s="110"/>
      <c r="AH38" s="110"/>
      <c r="AI38" s="110"/>
      <c r="AJ38" s="110"/>
      <c r="AK38" s="110"/>
      <c r="AL38" s="110"/>
      <c r="AM38" s="110"/>
      <c r="AN38" s="110"/>
      <c r="AO38" s="111"/>
    </row>
    <row r="39" spans="1:41" ht="9.75" customHeight="1">
      <c r="A39" s="109"/>
      <c r="B39" s="110"/>
      <c r="C39" s="110"/>
      <c r="D39" s="110"/>
      <c r="E39" s="110"/>
      <c r="F39" s="110"/>
      <c r="G39" s="110"/>
      <c r="H39" s="110"/>
      <c r="I39" s="110"/>
      <c r="J39" s="110"/>
      <c r="K39" s="110"/>
      <c r="L39" s="110"/>
      <c r="M39" s="110"/>
      <c r="N39" s="110"/>
      <c r="O39" s="110"/>
      <c r="P39" s="110"/>
      <c r="Q39" s="110"/>
      <c r="R39" s="110"/>
      <c r="S39" s="110"/>
      <c r="T39" s="110"/>
      <c r="U39" s="110"/>
      <c r="V39" s="110"/>
      <c r="W39" s="110"/>
      <c r="X39" s="110"/>
      <c r="Y39" s="110"/>
      <c r="Z39" s="110"/>
      <c r="AA39" s="110"/>
      <c r="AB39" s="110"/>
      <c r="AC39" s="110"/>
      <c r="AD39" s="110"/>
      <c r="AE39" s="110"/>
      <c r="AF39" s="110"/>
      <c r="AG39" s="110"/>
      <c r="AH39" s="110"/>
      <c r="AI39" s="110"/>
      <c r="AJ39" s="110"/>
      <c r="AK39" s="110"/>
      <c r="AL39" s="110"/>
      <c r="AM39" s="110"/>
      <c r="AN39" s="110"/>
      <c r="AO39" s="111"/>
    </row>
    <row r="40" spans="1:41" ht="9.75" customHeight="1">
      <c r="A40" s="109"/>
      <c r="B40" s="110"/>
      <c r="C40" s="110"/>
      <c r="D40" s="110"/>
      <c r="E40" s="110"/>
      <c r="F40" s="110"/>
      <c r="G40" s="110"/>
      <c r="H40" s="110"/>
      <c r="I40" s="110"/>
      <c r="J40" s="110"/>
      <c r="K40" s="110"/>
      <c r="L40" s="110"/>
      <c r="M40" s="110"/>
      <c r="N40" s="110"/>
      <c r="O40" s="110"/>
      <c r="P40" s="110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0"/>
      <c r="AJ40" s="110"/>
      <c r="AK40" s="110"/>
      <c r="AL40" s="110"/>
      <c r="AM40" s="110"/>
      <c r="AN40" s="110"/>
      <c r="AO40" s="111"/>
    </row>
    <row r="41" spans="1:41" ht="9.75" customHeight="1">
      <c r="A41" s="109"/>
      <c r="B41" s="110"/>
      <c r="C41" s="110"/>
      <c r="D41" s="110"/>
      <c r="E41" s="110"/>
      <c r="F41" s="110"/>
      <c r="G41" s="110"/>
      <c r="H41" s="110"/>
      <c r="I41" s="110"/>
      <c r="J41" s="110"/>
      <c r="K41" s="110"/>
      <c r="L41" s="110"/>
      <c r="M41" s="110"/>
      <c r="N41" s="110"/>
      <c r="O41" s="110"/>
      <c r="P41" s="110"/>
      <c r="Q41" s="110"/>
      <c r="R41" s="110"/>
      <c r="S41" s="110"/>
      <c r="T41" s="110"/>
      <c r="U41" s="110"/>
      <c r="V41" s="110"/>
      <c r="W41" s="110"/>
      <c r="X41" s="110"/>
      <c r="Y41" s="110"/>
      <c r="Z41" s="110"/>
      <c r="AA41" s="110"/>
      <c r="AB41" s="110"/>
      <c r="AC41" s="110"/>
      <c r="AD41" s="110"/>
      <c r="AE41" s="110"/>
      <c r="AF41" s="110"/>
      <c r="AG41" s="110"/>
      <c r="AH41" s="110"/>
      <c r="AI41" s="110"/>
      <c r="AJ41" s="110"/>
      <c r="AK41" s="110"/>
      <c r="AL41" s="110"/>
      <c r="AM41" s="110"/>
      <c r="AN41" s="110"/>
      <c r="AO41" s="111"/>
    </row>
    <row r="42" spans="1:41" ht="9.75" customHeight="1">
      <c r="A42" s="109"/>
      <c r="B42" s="110"/>
      <c r="C42" s="110"/>
      <c r="D42" s="110"/>
      <c r="E42" s="110"/>
      <c r="F42" s="110"/>
      <c r="G42" s="110"/>
      <c r="H42" s="110"/>
      <c r="I42" s="110"/>
      <c r="J42" s="110"/>
      <c r="K42" s="110"/>
      <c r="L42" s="110"/>
      <c r="M42" s="110"/>
      <c r="N42" s="110"/>
      <c r="O42" s="110"/>
      <c r="P42" s="110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1"/>
    </row>
    <row r="43" spans="1:41" ht="9.75" customHeight="1">
      <c r="A43" s="109"/>
      <c r="B43" s="110"/>
      <c r="C43" s="110"/>
      <c r="D43" s="110"/>
      <c r="E43" s="110"/>
      <c r="F43" s="110"/>
      <c r="G43" s="110"/>
      <c r="H43" s="110"/>
      <c r="I43" s="110"/>
      <c r="J43" s="110"/>
      <c r="K43" s="110"/>
      <c r="L43" s="110"/>
      <c r="M43" s="110"/>
      <c r="N43" s="110"/>
      <c r="O43" s="110"/>
      <c r="P43" s="110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1"/>
    </row>
    <row r="44" spans="1:41" ht="9.75" customHeight="1">
      <c r="A44" s="109"/>
      <c r="B44" s="110"/>
      <c r="C44" s="110"/>
      <c r="D44" s="110"/>
      <c r="E44" s="110"/>
      <c r="F44" s="110"/>
      <c r="G44" s="110"/>
      <c r="H44" s="110"/>
      <c r="I44" s="110"/>
      <c r="J44" s="110"/>
      <c r="K44" s="110"/>
      <c r="L44" s="110"/>
      <c r="M44" s="110"/>
      <c r="N44" s="110"/>
      <c r="O44" s="110"/>
      <c r="P44" s="110"/>
      <c r="Q44" s="110"/>
      <c r="R44" s="110"/>
      <c r="S44" s="110"/>
      <c r="T44" s="110"/>
      <c r="U44" s="110"/>
      <c r="V44" s="110"/>
      <c r="W44" s="110"/>
      <c r="X44" s="110"/>
      <c r="Y44" s="110"/>
      <c r="Z44" s="110"/>
      <c r="AA44" s="110"/>
      <c r="AB44" s="110"/>
      <c r="AC44" s="110"/>
      <c r="AD44" s="110"/>
      <c r="AE44" s="110"/>
      <c r="AF44" s="110"/>
      <c r="AG44" s="110"/>
      <c r="AH44" s="110"/>
      <c r="AI44" s="110"/>
      <c r="AJ44" s="110"/>
      <c r="AK44" s="110"/>
      <c r="AL44" s="110"/>
      <c r="AM44" s="110"/>
      <c r="AN44" s="110"/>
      <c r="AO44" s="111"/>
    </row>
    <row r="45" spans="1:41" ht="9.75" customHeight="1">
      <c r="A45" s="109"/>
      <c r="B45" s="110"/>
      <c r="C45" s="110"/>
      <c r="D45" s="110"/>
      <c r="E45" s="110"/>
      <c r="F45" s="110"/>
      <c r="G45" s="110"/>
      <c r="H45" s="110"/>
      <c r="I45" s="110"/>
      <c r="J45" s="110"/>
      <c r="K45" s="110"/>
      <c r="L45" s="110"/>
      <c r="M45" s="110"/>
      <c r="N45" s="110"/>
      <c r="O45" s="110"/>
      <c r="P45" s="110"/>
      <c r="Q45" s="110"/>
      <c r="R45" s="110"/>
      <c r="S45" s="110"/>
      <c r="T45" s="110"/>
      <c r="U45" s="110"/>
      <c r="V45" s="110"/>
      <c r="W45" s="110"/>
      <c r="X45" s="110"/>
      <c r="Y45" s="110"/>
      <c r="Z45" s="110"/>
      <c r="AA45" s="110"/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0"/>
      <c r="AM45" s="110"/>
      <c r="AN45" s="110"/>
      <c r="AO45" s="111"/>
    </row>
    <row r="46" spans="1:41" ht="9.75" customHeight="1">
      <c r="A46" s="109"/>
      <c r="B46" s="110"/>
      <c r="C46" s="110"/>
      <c r="D46" s="110"/>
      <c r="E46" s="110"/>
      <c r="F46" s="110"/>
      <c r="G46" s="110"/>
      <c r="H46" s="110"/>
      <c r="I46" s="110"/>
      <c r="J46" s="110"/>
      <c r="K46" s="110"/>
      <c r="L46" s="110"/>
      <c r="M46" s="110"/>
      <c r="N46" s="110"/>
      <c r="O46" s="110"/>
      <c r="P46" s="110"/>
      <c r="Q46" s="110"/>
      <c r="R46" s="110"/>
      <c r="S46" s="110"/>
      <c r="T46" s="110"/>
      <c r="U46" s="110"/>
      <c r="V46" s="110"/>
      <c r="W46" s="110"/>
      <c r="X46" s="110"/>
      <c r="Y46" s="110"/>
      <c r="Z46" s="110"/>
      <c r="AA46" s="110"/>
      <c r="AB46" s="110"/>
      <c r="AC46" s="110"/>
      <c r="AD46" s="110"/>
      <c r="AE46" s="110"/>
      <c r="AF46" s="110"/>
      <c r="AG46" s="110"/>
      <c r="AH46" s="110"/>
      <c r="AI46" s="110"/>
      <c r="AJ46" s="110"/>
      <c r="AK46" s="110"/>
      <c r="AL46" s="110"/>
      <c r="AM46" s="110"/>
      <c r="AN46" s="110"/>
      <c r="AO46" s="111"/>
    </row>
    <row r="47" spans="1:41" ht="9.75" customHeight="1">
      <c r="A47" s="109"/>
      <c r="B47" s="110"/>
      <c r="C47" s="110"/>
      <c r="D47" s="110"/>
      <c r="E47" s="110"/>
      <c r="F47" s="110"/>
      <c r="G47" s="110"/>
      <c r="H47" s="110"/>
      <c r="I47" s="110"/>
      <c r="J47" s="110"/>
      <c r="K47" s="110"/>
      <c r="L47" s="110"/>
      <c r="M47" s="110"/>
      <c r="N47" s="110"/>
      <c r="O47" s="110"/>
      <c r="P47" s="110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0"/>
      <c r="AN47" s="110"/>
      <c r="AO47" s="111"/>
    </row>
    <row r="48" spans="1:41" ht="9.75" customHeight="1">
      <c r="A48" s="109"/>
      <c r="B48" s="110"/>
      <c r="C48" s="110"/>
      <c r="D48" s="110"/>
      <c r="E48" s="110"/>
      <c r="F48" s="110"/>
      <c r="G48" s="110"/>
      <c r="H48" s="110"/>
      <c r="I48" s="110"/>
      <c r="J48" s="110"/>
      <c r="K48" s="110"/>
      <c r="L48" s="110"/>
      <c r="M48" s="110"/>
      <c r="N48" s="110"/>
      <c r="O48" s="110"/>
      <c r="P48" s="110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0"/>
      <c r="AN48" s="110"/>
      <c r="AO48" s="111"/>
    </row>
    <row r="49" spans="1:41" ht="9.75" customHeight="1">
      <c r="A49" s="109"/>
      <c r="B49" s="110"/>
      <c r="C49" s="110"/>
      <c r="D49" s="110"/>
      <c r="E49" s="110"/>
      <c r="F49" s="110"/>
      <c r="G49" s="110"/>
      <c r="H49" s="110"/>
      <c r="I49" s="110"/>
      <c r="J49" s="110"/>
      <c r="K49" s="110"/>
      <c r="L49" s="110"/>
      <c r="M49" s="110"/>
      <c r="N49" s="110"/>
      <c r="O49" s="110"/>
      <c r="P49" s="110"/>
      <c r="Q49" s="110"/>
      <c r="R49" s="110"/>
      <c r="S49" s="110"/>
      <c r="T49" s="110"/>
      <c r="U49" s="110"/>
      <c r="V49" s="110"/>
      <c r="W49" s="110"/>
      <c r="X49" s="110"/>
      <c r="Y49" s="110"/>
      <c r="Z49" s="110"/>
      <c r="AA49" s="110"/>
      <c r="AB49" s="110"/>
      <c r="AC49" s="110"/>
      <c r="AD49" s="110"/>
      <c r="AE49" s="110"/>
      <c r="AF49" s="110"/>
      <c r="AG49" s="110"/>
      <c r="AH49" s="110"/>
      <c r="AI49" s="110"/>
      <c r="AJ49" s="110"/>
      <c r="AK49" s="110"/>
      <c r="AL49" s="110"/>
      <c r="AM49" s="110"/>
      <c r="AN49" s="110"/>
      <c r="AO49" s="111"/>
    </row>
    <row r="50" spans="1:41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1"/>
    </row>
    <row r="51" spans="1:41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1"/>
    </row>
    <row r="52" spans="1:41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0"/>
      <c r="AN52" s="110"/>
      <c r="AO52" s="111"/>
    </row>
    <row r="53" spans="1:41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0"/>
      <c r="AN53" s="110"/>
      <c r="AO53" s="111"/>
    </row>
    <row r="54" spans="1:41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0"/>
      <c r="AN54" s="110"/>
      <c r="AO54" s="111"/>
    </row>
    <row r="55" spans="1:41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0"/>
      <c r="AN55" s="110"/>
      <c r="AO55" s="111"/>
    </row>
    <row r="56" spans="1:41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0"/>
      <c r="AN56" s="110"/>
      <c r="AO56" s="111"/>
    </row>
    <row r="57" spans="1:41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0"/>
      <c r="AN57" s="110"/>
      <c r="AO57" s="111"/>
    </row>
    <row r="58" spans="1:41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0"/>
      <c r="AN58" s="110"/>
      <c r="AO58" s="111"/>
    </row>
    <row r="59" spans="1:41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1"/>
    </row>
    <row r="60" spans="1:41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0"/>
      <c r="AN60" s="110"/>
      <c r="AO60" s="111"/>
    </row>
    <row r="61" spans="1:41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0"/>
      <c r="AN61" s="110"/>
      <c r="AO61" s="111"/>
    </row>
    <row r="62" spans="1:41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0"/>
      <c r="AN62" s="110"/>
      <c r="AO62" s="111"/>
    </row>
    <row r="63" spans="1:41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0"/>
      <c r="AN63" s="110"/>
      <c r="AO63" s="111"/>
    </row>
    <row r="64" spans="1:41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0"/>
      <c r="AN64" s="110"/>
      <c r="AO64" s="111"/>
    </row>
    <row r="65" spans="1:41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0"/>
      <c r="AN65" s="110"/>
      <c r="AO65" s="111"/>
    </row>
    <row r="66" spans="1:41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1"/>
    </row>
    <row r="67" spans="1:41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0"/>
      <c r="AN67" s="110"/>
      <c r="AO67" s="111"/>
    </row>
    <row r="68" spans="1:41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1"/>
    </row>
    <row r="69" spans="1:41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0"/>
      <c r="AN69" s="110"/>
      <c r="AO69" s="111"/>
    </row>
    <row r="70" spans="1:41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0"/>
      <c r="AN70" s="110"/>
      <c r="AO70" s="111"/>
    </row>
    <row r="71" spans="1:41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1"/>
    </row>
    <row r="72" spans="1:41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1"/>
    </row>
    <row r="73" spans="1:41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0"/>
      <c r="AN73" s="110"/>
      <c r="AO73" s="111"/>
    </row>
    <row r="74" spans="1:41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0"/>
      <c r="AN74" s="110"/>
      <c r="AO74" s="111"/>
    </row>
    <row r="75" spans="1:41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1"/>
    </row>
    <row r="76" spans="1:41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0"/>
      <c r="AN76" s="110"/>
      <c r="AO76" s="111"/>
    </row>
    <row r="77" spans="1:41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0"/>
      <c r="AN77" s="110"/>
      <c r="AO77" s="111"/>
    </row>
    <row r="78" spans="1:41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0"/>
      <c r="AN78" s="110"/>
      <c r="AO78" s="111"/>
    </row>
    <row r="79" spans="1:41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1"/>
    </row>
    <row r="80" spans="1:41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1"/>
    </row>
    <row r="81" spans="1:41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0"/>
      <c r="AN81" s="110"/>
      <c r="AO81" s="111"/>
    </row>
    <row r="82" spans="1:41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0"/>
      <c r="AN82" s="110"/>
      <c r="AO82" s="111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31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A23:F23"/>
    <mergeCell ref="G23:H23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649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650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194" t="s">
        <v>651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 t="s">
        <v>652</v>
      </c>
      <c r="T11" s="41" t="s">
        <v>653</v>
      </c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654</v>
      </c>
      <c r="I12" s="35"/>
      <c r="J12" s="36" t="s">
        <v>30</v>
      </c>
      <c r="K12" s="37" t="s">
        <v>30</v>
      </c>
      <c r="L12" s="37" t="s">
        <v>654</v>
      </c>
      <c r="M12" s="38"/>
      <c r="N12" s="38"/>
      <c r="O12" s="39"/>
      <c r="P12" s="35"/>
      <c r="Q12" s="36"/>
      <c r="R12" s="35" t="s">
        <v>655</v>
      </c>
      <c r="S12" s="40"/>
      <c r="T12" s="41" t="s">
        <v>656</v>
      </c>
      <c r="U12" s="36" t="s">
        <v>657</v>
      </c>
      <c r="V12" s="35"/>
      <c r="W12" s="36" t="s">
        <v>658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78" t="s">
        <v>31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 t="s">
        <v>652</v>
      </c>
      <c r="T14" s="54" t="s">
        <v>653</v>
      </c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659</v>
      </c>
      <c r="I15" s="33"/>
      <c r="J15" s="59" t="s">
        <v>30</v>
      </c>
      <c r="K15" s="60" t="s">
        <v>30</v>
      </c>
      <c r="L15" s="60" t="s">
        <v>659</v>
      </c>
      <c r="M15" s="61"/>
      <c r="N15" s="61"/>
      <c r="O15" s="34"/>
      <c r="P15" s="33"/>
      <c r="Q15" s="59"/>
      <c r="R15" s="33" t="s">
        <v>660</v>
      </c>
      <c r="S15" s="62"/>
      <c r="T15" s="63" t="s">
        <v>661</v>
      </c>
      <c r="U15" s="59" t="s">
        <v>662</v>
      </c>
      <c r="V15" s="33"/>
      <c r="W15" s="59" t="s">
        <v>663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34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 t="s">
        <v>652</v>
      </c>
      <c r="T17" s="54" t="s">
        <v>653</v>
      </c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659</v>
      </c>
      <c r="I18" s="33"/>
      <c r="J18" s="59" t="s">
        <v>30</v>
      </c>
      <c r="K18" s="60" t="s">
        <v>30</v>
      </c>
      <c r="L18" s="60" t="s">
        <v>659</v>
      </c>
      <c r="M18" s="61"/>
      <c r="N18" s="61"/>
      <c r="O18" s="34"/>
      <c r="P18" s="33"/>
      <c r="Q18" s="59"/>
      <c r="R18" s="33" t="s">
        <v>660</v>
      </c>
      <c r="S18" s="62"/>
      <c r="T18" s="63" t="s">
        <v>661</v>
      </c>
      <c r="U18" s="59" t="s">
        <v>662</v>
      </c>
      <c r="V18" s="33"/>
      <c r="W18" s="59" t="s">
        <v>663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88" t="s">
        <v>664</v>
      </c>
      <c r="P20" s="48"/>
      <c r="Q20" s="50"/>
      <c r="R20" s="48"/>
      <c r="S20" s="53" t="s">
        <v>652</v>
      </c>
      <c r="T20" s="54" t="s">
        <v>653</v>
      </c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659</v>
      </c>
      <c r="R21" s="33" t="s">
        <v>660</v>
      </c>
      <c r="S21" s="62"/>
      <c r="T21" s="63" t="s">
        <v>661</v>
      </c>
      <c r="U21" s="59" t="s">
        <v>662</v>
      </c>
      <c r="V21" s="33"/>
      <c r="W21" s="59" t="s">
        <v>663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80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47"/>
      <c r="B23" s="75"/>
      <c r="C23" s="175" t="s">
        <v>36</v>
      </c>
      <c r="D23" s="178" t="s">
        <v>37</v>
      </c>
      <c r="E23" s="48"/>
      <c r="F23" s="49"/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176"/>
      <c r="D24" s="179"/>
      <c r="E24" s="33"/>
      <c r="F24" s="34"/>
      <c r="G24" s="33"/>
      <c r="H24" s="59" t="s">
        <v>665</v>
      </c>
      <c r="I24" s="33"/>
      <c r="J24" s="59" t="s">
        <v>30</v>
      </c>
      <c r="K24" s="60" t="s">
        <v>30</v>
      </c>
      <c r="L24" s="60" t="s">
        <v>665</v>
      </c>
      <c r="M24" s="61"/>
      <c r="N24" s="61"/>
      <c r="O24" s="58"/>
      <c r="P24" s="33"/>
      <c r="Q24" s="59"/>
      <c r="R24" s="33" t="s">
        <v>665</v>
      </c>
      <c r="S24" s="62"/>
      <c r="T24" s="63" t="s">
        <v>665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176"/>
      <c r="D25" s="179"/>
      <c r="E25" s="33"/>
      <c r="F25" s="34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175" t="s">
        <v>21</v>
      </c>
      <c r="F26" s="188" t="s">
        <v>41</v>
      </c>
      <c r="G26" s="48"/>
      <c r="H26" s="50"/>
      <c r="I26" s="48"/>
      <c r="J26" s="50"/>
      <c r="K26" s="51"/>
      <c r="L26" s="51"/>
      <c r="M26" s="52"/>
      <c r="N26" s="52"/>
      <c r="O26" s="49"/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176"/>
      <c r="F27" s="179"/>
      <c r="G27" s="33"/>
      <c r="H27" s="59" t="s">
        <v>665</v>
      </c>
      <c r="I27" s="33"/>
      <c r="J27" s="59" t="s">
        <v>30</v>
      </c>
      <c r="K27" s="60" t="s">
        <v>30</v>
      </c>
      <c r="L27" s="60" t="s">
        <v>665</v>
      </c>
      <c r="M27" s="61"/>
      <c r="N27" s="61"/>
      <c r="O27" s="34"/>
      <c r="P27" s="33"/>
      <c r="Q27" s="59"/>
      <c r="R27" s="33" t="s">
        <v>665</v>
      </c>
      <c r="S27" s="62"/>
      <c r="T27" s="63" t="s">
        <v>665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64"/>
      <c r="D28" s="77"/>
      <c r="E28" s="177"/>
      <c r="F28" s="180"/>
      <c r="G28" s="64"/>
      <c r="H28" s="66"/>
      <c r="I28" s="64"/>
      <c r="J28" s="66"/>
      <c r="K28" s="67"/>
      <c r="L28" s="67"/>
      <c r="M28" s="68"/>
      <c r="N28" s="68"/>
      <c r="O28" s="77"/>
      <c r="P28" s="64"/>
      <c r="Q28" s="66"/>
      <c r="R28" s="64"/>
      <c r="S28" s="69"/>
      <c r="T28" s="70"/>
      <c r="U28" s="66"/>
      <c r="V28" s="64"/>
      <c r="W28" s="66"/>
      <c r="X28" s="71"/>
      <c r="Y28" s="71"/>
      <c r="Z28" s="71"/>
      <c r="AA28" s="71"/>
      <c r="AB28" s="72"/>
      <c r="AC28" s="72"/>
      <c r="AD28" s="72"/>
      <c r="AE28" s="72"/>
      <c r="AF28" s="72"/>
      <c r="AG28" s="72"/>
      <c r="AH28" s="72"/>
      <c r="AI28" s="72"/>
      <c r="AJ28" s="72"/>
      <c r="AK28" s="73"/>
      <c r="AL28" s="73"/>
      <c r="AM28" s="74"/>
    </row>
    <row r="29" spans="1:39" s="46" customFormat="1" ht="9.75" customHeight="1">
      <c r="A29" s="47"/>
      <c r="B29" s="75"/>
      <c r="C29" s="175" t="s">
        <v>52</v>
      </c>
      <c r="D29" s="178" t="s">
        <v>53</v>
      </c>
      <c r="E29" s="48"/>
      <c r="F29" s="49"/>
      <c r="G29" s="48"/>
      <c r="H29" s="50"/>
      <c r="I29" s="48"/>
      <c r="J29" s="50"/>
      <c r="K29" s="51"/>
      <c r="L29" s="51"/>
      <c r="M29" s="52"/>
      <c r="N29" s="52"/>
      <c r="O29" s="76"/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47"/>
      <c r="B30" s="75"/>
      <c r="C30" s="176"/>
      <c r="D30" s="179"/>
      <c r="E30" s="33"/>
      <c r="F30" s="34"/>
      <c r="G30" s="33"/>
      <c r="H30" s="59" t="s">
        <v>666</v>
      </c>
      <c r="I30" s="33"/>
      <c r="J30" s="59" t="s">
        <v>30</v>
      </c>
      <c r="K30" s="60" t="s">
        <v>30</v>
      </c>
      <c r="L30" s="60" t="s">
        <v>666</v>
      </c>
      <c r="M30" s="61"/>
      <c r="N30" s="61"/>
      <c r="O30" s="58"/>
      <c r="P30" s="33"/>
      <c r="Q30" s="59"/>
      <c r="R30" s="33" t="s">
        <v>667</v>
      </c>
      <c r="S30" s="62"/>
      <c r="T30" s="63" t="s">
        <v>667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47"/>
      <c r="B31" s="75"/>
      <c r="C31" s="176"/>
      <c r="D31" s="179"/>
      <c r="E31" s="33"/>
      <c r="F31" s="34"/>
      <c r="G31" s="33"/>
      <c r="H31" s="59"/>
      <c r="I31" s="33"/>
      <c r="J31" s="59"/>
      <c r="K31" s="60"/>
      <c r="L31" s="60"/>
      <c r="M31" s="61"/>
      <c r="N31" s="61"/>
      <c r="O31" s="58"/>
      <c r="P31" s="33"/>
      <c r="Q31" s="59"/>
      <c r="R31" s="33"/>
      <c r="S31" s="62"/>
      <c r="T31" s="63"/>
      <c r="U31" s="59"/>
      <c r="V31" s="33"/>
      <c r="W31" s="59"/>
      <c r="X31" s="27"/>
      <c r="Y31" s="27"/>
      <c r="Z31" s="27"/>
      <c r="AA31" s="27"/>
      <c r="AB31" s="28"/>
      <c r="AC31" s="28"/>
      <c r="AD31" s="28"/>
      <c r="AE31" s="28"/>
      <c r="AF31" s="28"/>
      <c r="AG31" s="28"/>
      <c r="AH31" s="28"/>
      <c r="AI31" s="28"/>
      <c r="AJ31" s="28"/>
      <c r="AK31" s="29"/>
      <c r="AL31" s="29"/>
      <c r="AM31" s="30"/>
    </row>
    <row r="32" spans="1:39" s="46" customFormat="1" ht="9.75" customHeight="1">
      <c r="A32" s="47"/>
      <c r="B32" s="39"/>
      <c r="C32" s="33"/>
      <c r="D32" s="34"/>
      <c r="E32" s="175" t="s">
        <v>21</v>
      </c>
      <c r="F32" s="178" t="s">
        <v>53</v>
      </c>
      <c r="G32" s="48"/>
      <c r="H32" s="50"/>
      <c r="I32" s="48"/>
      <c r="J32" s="50"/>
      <c r="K32" s="51"/>
      <c r="L32" s="51"/>
      <c r="M32" s="52"/>
      <c r="N32" s="52"/>
      <c r="O32" s="49"/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57"/>
      <c r="B33" s="58"/>
      <c r="C33" s="33"/>
      <c r="D33" s="34"/>
      <c r="E33" s="176"/>
      <c r="F33" s="179"/>
      <c r="G33" s="33"/>
      <c r="H33" s="59" t="s">
        <v>666</v>
      </c>
      <c r="I33" s="33"/>
      <c r="J33" s="59" t="s">
        <v>30</v>
      </c>
      <c r="K33" s="60" t="s">
        <v>30</v>
      </c>
      <c r="L33" s="60" t="s">
        <v>666</v>
      </c>
      <c r="M33" s="61"/>
      <c r="N33" s="61"/>
      <c r="O33" s="34"/>
      <c r="P33" s="33"/>
      <c r="Q33" s="59"/>
      <c r="R33" s="33" t="s">
        <v>667</v>
      </c>
      <c r="S33" s="62"/>
      <c r="T33" s="63" t="s">
        <v>667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57"/>
      <c r="B34" s="58"/>
      <c r="C34" s="64"/>
      <c r="D34" s="77"/>
      <c r="E34" s="177"/>
      <c r="F34" s="180"/>
      <c r="G34" s="64"/>
      <c r="H34" s="66"/>
      <c r="I34" s="64"/>
      <c r="J34" s="66"/>
      <c r="K34" s="67"/>
      <c r="L34" s="67"/>
      <c r="M34" s="68"/>
      <c r="N34" s="68"/>
      <c r="O34" s="77"/>
      <c r="P34" s="64"/>
      <c r="Q34" s="66"/>
      <c r="R34" s="64"/>
      <c r="S34" s="69"/>
      <c r="T34" s="70"/>
      <c r="U34" s="66"/>
      <c r="V34" s="64"/>
      <c r="W34" s="66"/>
      <c r="X34" s="71"/>
      <c r="Y34" s="71"/>
      <c r="Z34" s="71"/>
      <c r="AA34" s="71"/>
      <c r="AB34" s="72"/>
      <c r="AC34" s="72"/>
      <c r="AD34" s="72"/>
      <c r="AE34" s="72"/>
      <c r="AF34" s="72"/>
      <c r="AG34" s="72"/>
      <c r="AH34" s="72"/>
      <c r="AI34" s="72"/>
      <c r="AJ34" s="72"/>
      <c r="AK34" s="73"/>
      <c r="AL34" s="73"/>
      <c r="AM34" s="74"/>
    </row>
    <row r="35" spans="1:39" s="46" customFormat="1" ht="9.75" customHeight="1">
      <c r="A35" s="47"/>
      <c r="B35" s="75"/>
      <c r="C35" s="175" t="s">
        <v>57</v>
      </c>
      <c r="D35" s="178" t="s">
        <v>58</v>
      </c>
      <c r="E35" s="48"/>
      <c r="F35" s="49"/>
      <c r="G35" s="48"/>
      <c r="H35" s="50"/>
      <c r="I35" s="48"/>
      <c r="J35" s="50"/>
      <c r="K35" s="51"/>
      <c r="L35" s="51"/>
      <c r="M35" s="52"/>
      <c r="N35" s="52"/>
      <c r="O35" s="76"/>
      <c r="P35" s="48"/>
      <c r="Q35" s="50"/>
      <c r="R35" s="48"/>
      <c r="S35" s="53"/>
      <c r="T35" s="54"/>
      <c r="U35" s="50"/>
      <c r="V35" s="48"/>
      <c r="W35" s="50"/>
      <c r="X35" s="55" t="s">
        <v>3</v>
      </c>
      <c r="Y35" s="55"/>
      <c r="Z35" s="55"/>
      <c r="AA35" s="55"/>
      <c r="AB35" s="56"/>
      <c r="AC35" s="56"/>
      <c r="AD35" s="56"/>
      <c r="AE35" s="56"/>
      <c r="AF35" s="56"/>
      <c r="AG35" s="56"/>
      <c r="AH35" s="56"/>
      <c r="AI35" s="56"/>
      <c r="AJ35" s="56"/>
      <c r="AK35" s="19"/>
      <c r="AL35" s="19"/>
      <c r="AM35" s="26"/>
    </row>
    <row r="36" spans="1:39" s="46" customFormat="1" ht="9.75" customHeight="1">
      <c r="A36" s="47"/>
      <c r="B36" s="75"/>
      <c r="C36" s="176"/>
      <c r="D36" s="179"/>
      <c r="E36" s="33"/>
      <c r="F36" s="34"/>
      <c r="G36" s="33"/>
      <c r="H36" s="59" t="s">
        <v>668</v>
      </c>
      <c r="I36" s="33"/>
      <c r="J36" s="59" t="s">
        <v>30</v>
      </c>
      <c r="K36" s="60" t="s">
        <v>30</v>
      </c>
      <c r="L36" s="60" t="s">
        <v>668</v>
      </c>
      <c r="M36" s="61"/>
      <c r="N36" s="61"/>
      <c r="O36" s="58"/>
      <c r="P36" s="33"/>
      <c r="Q36" s="59"/>
      <c r="R36" s="33" t="s">
        <v>669</v>
      </c>
      <c r="S36" s="62"/>
      <c r="T36" s="63" t="s">
        <v>670</v>
      </c>
      <c r="U36" s="59" t="s">
        <v>671</v>
      </c>
      <c r="V36" s="33"/>
      <c r="W36" s="59" t="s">
        <v>672</v>
      </c>
      <c r="X36" s="27"/>
      <c r="Y36" s="27"/>
      <c r="Z36" s="27"/>
      <c r="AA36" s="27"/>
      <c r="AB36" s="28"/>
      <c r="AC36" s="28"/>
      <c r="AD36" s="28"/>
      <c r="AE36" s="28"/>
      <c r="AF36" s="28"/>
      <c r="AG36" s="28"/>
      <c r="AH36" s="28"/>
      <c r="AI36" s="28"/>
      <c r="AJ36" s="28"/>
      <c r="AK36" s="29"/>
      <c r="AL36" s="29"/>
      <c r="AM36" s="30"/>
    </row>
    <row r="37" spans="1:39" s="46" customFormat="1" ht="9.75" customHeight="1">
      <c r="A37" s="47"/>
      <c r="B37" s="75"/>
      <c r="C37" s="176"/>
      <c r="D37" s="179"/>
      <c r="E37" s="33"/>
      <c r="F37" s="34"/>
      <c r="G37" s="33"/>
      <c r="H37" s="59"/>
      <c r="I37" s="33"/>
      <c r="J37" s="59"/>
      <c r="K37" s="60"/>
      <c r="L37" s="60"/>
      <c r="M37" s="61"/>
      <c r="N37" s="61"/>
      <c r="O37" s="58"/>
      <c r="P37" s="33"/>
      <c r="Q37" s="59"/>
      <c r="R37" s="33"/>
      <c r="S37" s="62"/>
      <c r="T37" s="63"/>
      <c r="U37" s="59"/>
      <c r="V37" s="33"/>
      <c r="W37" s="59"/>
      <c r="X37" s="27"/>
      <c r="Y37" s="27"/>
      <c r="Z37" s="27"/>
      <c r="AA37" s="27"/>
      <c r="AB37" s="28"/>
      <c r="AC37" s="28"/>
      <c r="AD37" s="28"/>
      <c r="AE37" s="28"/>
      <c r="AF37" s="28"/>
      <c r="AG37" s="28"/>
      <c r="AH37" s="28"/>
      <c r="AI37" s="28"/>
      <c r="AJ37" s="28"/>
      <c r="AK37" s="29"/>
      <c r="AL37" s="29"/>
      <c r="AM37" s="30"/>
    </row>
    <row r="38" spans="1:39" s="46" customFormat="1" ht="9.75" customHeight="1">
      <c r="A38" s="47"/>
      <c r="B38" s="39"/>
      <c r="C38" s="33"/>
      <c r="D38" s="34"/>
      <c r="E38" s="175" t="s">
        <v>21</v>
      </c>
      <c r="F38" s="178" t="s">
        <v>61</v>
      </c>
      <c r="G38" s="48"/>
      <c r="H38" s="50"/>
      <c r="I38" s="48"/>
      <c r="J38" s="50"/>
      <c r="K38" s="51"/>
      <c r="L38" s="51"/>
      <c r="M38" s="52"/>
      <c r="N38" s="52"/>
      <c r="O38" s="49"/>
      <c r="P38" s="48"/>
      <c r="Q38" s="50"/>
      <c r="R38" s="48"/>
      <c r="S38" s="53"/>
      <c r="T38" s="54"/>
      <c r="U38" s="50"/>
      <c r="V38" s="48"/>
      <c r="W38" s="50"/>
      <c r="X38" s="55" t="s">
        <v>3</v>
      </c>
      <c r="Y38" s="55"/>
      <c r="Z38" s="55"/>
      <c r="AA38" s="55"/>
      <c r="AB38" s="56"/>
      <c r="AC38" s="56"/>
      <c r="AD38" s="56"/>
      <c r="AE38" s="56"/>
      <c r="AF38" s="56"/>
      <c r="AG38" s="56"/>
      <c r="AH38" s="56"/>
      <c r="AI38" s="56"/>
      <c r="AJ38" s="56"/>
      <c r="AK38" s="19"/>
      <c r="AL38" s="19"/>
      <c r="AM38" s="26"/>
    </row>
    <row r="39" spans="1:39" s="46" customFormat="1" ht="9.75" customHeight="1">
      <c r="A39" s="57"/>
      <c r="B39" s="58"/>
      <c r="C39" s="33"/>
      <c r="D39" s="34"/>
      <c r="E39" s="176"/>
      <c r="F39" s="179"/>
      <c r="G39" s="33"/>
      <c r="H39" s="59" t="s">
        <v>292</v>
      </c>
      <c r="I39" s="33"/>
      <c r="J39" s="59" t="s">
        <v>30</v>
      </c>
      <c r="K39" s="60" t="s">
        <v>30</v>
      </c>
      <c r="L39" s="60" t="s">
        <v>292</v>
      </c>
      <c r="M39" s="61"/>
      <c r="N39" s="61"/>
      <c r="O39" s="34"/>
      <c r="P39" s="33"/>
      <c r="Q39" s="59"/>
      <c r="R39" s="33" t="s">
        <v>673</v>
      </c>
      <c r="S39" s="62"/>
      <c r="T39" s="63" t="s">
        <v>673</v>
      </c>
      <c r="U39" s="59" t="s">
        <v>30</v>
      </c>
      <c r="V39" s="33"/>
      <c r="W39" s="59" t="s">
        <v>30</v>
      </c>
      <c r="X39" s="27"/>
      <c r="Y39" s="27"/>
      <c r="Z39" s="27"/>
      <c r="AA39" s="27"/>
      <c r="AB39" s="28"/>
      <c r="AC39" s="28"/>
      <c r="AD39" s="28"/>
      <c r="AE39" s="28"/>
      <c r="AF39" s="28"/>
      <c r="AG39" s="28"/>
      <c r="AH39" s="28"/>
      <c r="AI39" s="28"/>
      <c r="AJ39" s="28"/>
      <c r="AK39" s="29"/>
      <c r="AL39" s="29"/>
      <c r="AM39" s="30"/>
    </row>
    <row r="40" spans="1:39" s="46" customFormat="1" ht="9.75" customHeight="1">
      <c r="A40" s="57"/>
      <c r="B40" s="58"/>
      <c r="C40" s="33"/>
      <c r="D40" s="34"/>
      <c r="E40" s="177"/>
      <c r="F40" s="180"/>
      <c r="G40" s="33"/>
      <c r="H40" s="59"/>
      <c r="I40" s="33"/>
      <c r="J40" s="59"/>
      <c r="K40" s="60"/>
      <c r="L40" s="60"/>
      <c r="M40" s="61"/>
      <c r="N40" s="61"/>
      <c r="O40" s="34"/>
      <c r="P40" s="33"/>
      <c r="Q40" s="59"/>
      <c r="R40" s="33"/>
      <c r="S40" s="62"/>
      <c r="T40" s="63"/>
      <c r="U40" s="59"/>
      <c r="V40" s="33"/>
      <c r="W40" s="59"/>
      <c r="X40" s="27"/>
      <c r="Y40" s="27"/>
      <c r="Z40" s="27"/>
      <c r="AA40" s="27"/>
      <c r="AB40" s="28"/>
      <c r="AC40" s="28"/>
      <c r="AD40" s="28"/>
      <c r="AE40" s="28"/>
      <c r="AF40" s="28"/>
      <c r="AG40" s="28"/>
      <c r="AH40" s="28"/>
      <c r="AI40" s="28"/>
      <c r="AJ40" s="28"/>
      <c r="AK40" s="29"/>
      <c r="AL40" s="29"/>
      <c r="AM40" s="30"/>
    </row>
    <row r="41" spans="1:39" s="46" customFormat="1" ht="9.75" customHeight="1">
      <c r="A41" s="47"/>
      <c r="B41" s="75"/>
      <c r="C41" s="33"/>
      <c r="D41" s="34"/>
      <c r="E41" s="175" t="s">
        <v>36</v>
      </c>
      <c r="F41" s="178" t="s">
        <v>63</v>
      </c>
      <c r="G41" s="48"/>
      <c r="H41" s="50"/>
      <c r="I41" s="48"/>
      <c r="J41" s="50"/>
      <c r="K41" s="51"/>
      <c r="L41" s="51"/>
      <c r="M41" s="52"/>
      <c r="N41" s="52"/>
      <c r="O41" s="76"/>
      <c r="P41" s="48"/>
      <c r="Q41" s="50"/>
      <c r="R41" s="48"/>
      <c r="S41" s="53"/>
      <c r="T41" s="54"/>
      <c r="U41" s="50"/>
      <c r="V41" s="48"/>
      <c r="W41" s="50"/>
      <c r="X41" s="55" t="s">
        <v>3</v>
      </c>
      <c r="Y41" s="55"/>
      <c r="Z41" s="55"/>
      <c r="AA41" s="55"/>
      <c r="AB41" s="56"/>
      <c r="AC41" s="56"/>
      <c r="AD41" s="56"/>
      <c r="AE41" s="56"/>
      <c r="AF41" s="56"/>
      <c r="AG41" s="56"/>
      <c r="AH41" s="56"/>
      <c r="AI41" s="56"/>
      <c r="AJ41" s="56"/>
      <c r="AK41" s="19"/>
      <c r="AL41" s="19"/>
      <c r="AM41" s="26"/>
    </row>
    <row r="42" spans="1:39" s="46" customFormat="1" ht="9.75" customHeight="1">
      <c r="A42" s="47"/>
      <c r="B42" s="75"/>
      <c r="C42" s="33"/>
      <c r="D42" s="34"/>
      <c r="E42" s="176"/>
      <c r="F42" s="179"/>
      <c r="G42" s="33"/>
      <c r="H42" s="59" t="s">
        <v>674</v>
      </c>
      <c r="I42" s="33"/>
      <c r="J42" s="59" t="s">
        <v>30</v>
      </c>
      <c r="K42" s="60" t="s">
        <v>30</v>
      </c>
      <c r="L42" s="60" t="s">
        <v>674</v>
      </c>
      <c r="M42" s="61"/>
      <c r="N42" s="61"/>
      <c r="O42" s="58"/>
      <c r="P42" s="33"/>
      <c r="Q42" s="59"/>
      <c r="R42" s="33" t="s">
        <v>675</v>
      </c>
      <c r="S42" s="62"/>
      <c r="T42" s="63" t="s">
        <v>676</v>
      </c>
      <c r="U42" s="59" t="s">
        <v>671</v>
      </c>
      <c r="V42" s="33"/>
      <c r="W42" s="59" t="s">
        <v>672</v>
      </c>
      <c r="X42" s="27"/>
      <c r="Y42" s="27"/>
      <c r="Z42" s="27"/>
      <c r="AA42" s="27"/>
      <c r="AB42" s="28"/>
      <c r="AC42" s="28"/>
      <c r="AD42" s="28"/>
      <c r="AE42" s="28"/>
      <c r="AF42" s="28"/>
      <c r="AG42" s="28"/>
      <c r="AH42" s="28"/>
      <c r="AI42" s="28"/>
      <c r="AJ42" s="28"/>
      <c r="AK42" s="29"/>
      <c r="AL42" s="29"/>
      <c r="AM42" s="30"/>
    </row>
    <row r="43" spans="1:39" s="46" customFormat="1" ht="9.75" customHeight="1">
      <c r="A43" s="47"/>
      <c r="B43" s="75"/>
      <c r="C43" s="33"/>
      <c r="D43" s="34"/>
      <c r="E43" s="176"/>
      <c r="F43" s="179"/>
      <c r="G43" s="33"/>
      <c r="H43" s="59"/>
      <c r="I43" s="33"/>
      <c r="J43" s="59"/>
      <c r="K43" s="60"/>
      <c r="L43" s="60"/>
      <c r="M43" s="61"/>
      <c r="N43" s="61"/>
      <c r="O43" s="58"/>
      <c r="P43" s="33"/>
      <c r="Q43" s="59"/>
      <c r="R43" s="33"/>
      <c r="S43" s="62"/>
      <c r="T43" s="63"/>
      <c r="U43" s="59"/>
      <c r="V43" s="33"/>
      <c r="W43" s="59"/>
      <c r="X43" s="27"/>
      <c r="Y43" s="27"/>
      <c r="Z43" s="27"/>
      <c r="AA43" s="27"/>
      <c r="AB43" s="28"/>
      <c r="AC43" s="28"/>
      <c r="AD43" s="28"/>
      <c r="AE43" s="28"/>
      <c r="AF43" s="28"/>
      <c r="AG43" s="28"/>
      <c r="AH43" s="28"/>
      <c r="AI43" s="28"/>
      <c r="AJ43" s="28"/>
      <c r="AK43" s="29"/>
      <c r="AL43" s="29"/>
      <c r="AM43" s="30"/>
    </row>
    <row r="44" spans="1:39" s="46" customFormat="1" ht="9.75" customHeight="1">
      <c r="A44" s="47"/>
      <c r="B44" s="39"/>
      <c r="C44" s="33"/>
      <c r="D44" s="34"/>
      <c r="E44" s="33"/>
      <c r="F44" s="34"/>
      <c r="G44" s="33"/>
      <c r="H44" s="59"/>
      <c r="I44" s="33"/>
      <c r="J44" s="59"/>
      <c r="K44" s="60"/>
      <c r="L44" s="60"/>
      <c r="M44" s="61"/>
      <c r="N44" s="185" t="s">
        <v>21</v>
      </c>
      <c r="O44" s="178" t="s">
        <v>677</v>
      </c>
      <c r="P44" s="48"/>
      <c r="Q44" s="50"/>
      <c r="R44" s="48"/>
      <c r="S44" s="53"/>
      <c r="T44" s="54"/>
      <c r="U44" s="50"/>
      <c r="V44" s="48"/>
      <c r="W44" s="50"/>
      <c r="X44" s="55" t="s">
        <v>3</v>
      </c>
      <c r="Y44" s="55"/>
      <c r="Z44" s="55"/>
      <c r="AA44" s="55"/>
      <c r="AB44" s="56"/>
      <c r="AC44" s="56"/>
      <c r="AD44" s="56"/>
      <c r="AE44" s="56"/>
      <c r="AF44" s="56"/>
      <c r="AG44" s="56"/>
      <c r="AH44" s="56"/>
      <c r="AI44" s="56"/>
      <c r="AJ44" s="56"/>
      <c r="AK44" s="19"/>
      <c r="AL44" s="19"/>
      <c r="AM44" s="26"/>
    </row>
    <row r="45" spans="1:39" s="46" customFormat="1" ht="9.75" customHeight="1">
      <c r="A45" s="57"/>
      <c r="B45" s="58"/>
      <c r="C45" s="33"/>
      <c r="D45" s="34"/>
      <c r="E45" s="33"/>
      <c r="F45" s="34"/>
      <c r="G45" s="33"/>
      <c r="H45" s="59"/>
      <c r="I45" s="33"/>
      <c r="J45" s="59"/>
      <c r="K45" s="60"/>
      <c r="L45" s="60"/>
      <c r="M45" s="61"/>
      <c r="N45" s="186"/>
      <c r="O45" s="179"/>
      <c r="P45" s="33"/>
      <c r="Q45" s="59" t="s">
        <v>674</v>
      </c>
      <c r="R45" s="33" t="s">
        <v>675</v>
      </c>
      <c r="S45" s="62"/>
      <c r="T45" s="63" t="s">
        <v>676</v>
      </c>
      <c r="U45" s="59" t="s">
        <v>671</v>
      </c>
      <c r="V45" s="33"/>
      <c r="W45" s="59" t="s">
        <v>672</v>
      </c>
      <c r="X45" s="27"/>
      <c r="Y45" s="27"/>
      <c r="Z45" s="27"/>
      <c r="AA45" s="27"/>
      <c r="AB45" s="28"/>
      <c r="AC45" s="28"/>
      <c r="AD45" s="28"/>
      <c r="AE45" s="28"/>
      <c r="AF45" s="28"/>
      <c r="AG45" s="28"/>
      <c r="AH45" s="28"/>
      <c r="AI45" s="28"/>
      <c r="AJ45" s="28"/>
      <c r="AK45" s="29"/>
      <c r="AL45" s="29"/>
      <c r="AM45" s="30"/>
    </row>
    <row r="46" spans="1:39" s="46" customFormat="1" ht="9.75" customHeight="1">
      <c r="A46" s="158"/>
      <c r="B46" s="65"/>
      <c r="C46" s="64"/>
      <c r="D46" s="77"/>
      <c r="E46" s="64"/>
      <c r="F46" s="77"/>
      <c r="G46" s="64"/>
      <c r="H46" s="66"/>
      <c r="I46" s="64"/>
      <c r="J46" s="66"/>
      <c r="K46" s="67"/>
      <c r="L46" s="67"/>
      <c r="M46" s="68"/>
      <c r="N46" s="187"/>
      <c r="O46" s="180"/>
      <c r="P46" s="64"/>
      <c r="Q46" s="66"/>
      <c r="R46" s="64"/>
      <c r="S46" s="69"/>
      <c r="T46" s="70"/>
      <c r="U46" s="66"/>
      <c r="V46" s="64"/>
      <c r="W46" s="66"/>
      <c r="X46" s="71"/>
      <c r="Y46" s="71"/>
      <c r="Z46" s="71"/>
      <c r="AA46" s="71"/>
      <c r="AB46" s="72"/>
      <c r="AC46" s="72"/>
      <c r="AD46" s="72"/>
      <c r="AE46" s="72"/>
      <c r="AF46" s="72"/>
      <c r="AG46" s="72"/>
      <c r="AH46" s="72"/>
      <c r="AI46" s="72"/>
      <c r="AJ46" s="72"/>
      <c r="AK46" s="73"/>
      <c r="AL46" s="73"/>
      <c r="AM46" s="74"/>
    </row>
    <row r="47" spans="1:39" s="46" customFormat="1" ht="9.75" customHeight="1">
      <c r="A47" s="80"/>
      <c r="B47" s="81"/>
      <c r="C47" s="81"/>
      <c r="D47" s="81"/>
      <c r="E47" s="81"/>
      <c r="F47" s="81"/>
      <c r="G47" s="82"/>
      <c r="H47" s="83"/>
      <c r="I47" s="82"/>
      <c r="J47" s="83"/>
      <c r="K47" s="84"/>
      <c r="L47" s="84"/>
      <c r="M47" s="85"/>
      <c r="N47" s="85"/>
      <c r="O47" s="86"/>
      <c r="P47" s="82"/>
      <c r="Q47" s="83"/>
      <c r="R47" s="82"/>
      <c r="S47" s="87" t="s">
        <v>652</v>
      </c>
      <c r="T47" s="88" t="s">
        <v>653</v>
      </c>
      <c r="U47" s="83"/>
      <c r="V47" s="82"/>
      <c r="W47" s="83"/>
      <c r="X47" s="89" t="s">
        <v>3</v>
      </c>
      <c r="Y47" s="89"/>
      <c r="Z47" s="89"/>
      <c r="AA47" s="89"/>
      <c r="AB47" s="90"/>
      <c r="AC47" s="90"/>
      <c r="AD47" s="90"/>
      <c r="AE47" s="90"/>
      <c r="AF47" s="90"/>
      <c r="AG47" s="90"/>
      <c r="AH47" s="90"/>
      <c r="AI47" s="90"/>
      <c r="AJ47" s="90"/>
      <c r="AK47" s="91"/>
      <c r="AL47" s="91"/>
      <c r="AM47" s="92"/>
    </row>
    <row r="48" spans="1:39" s="46" customFormat="1" ht="9.75" customHeight="1">
      <c r="A48" s="181" t="s">
        <v>65</v>
      </c>
      <c r="B48" s="182"/>
      <c r="C48" s="183"/>
      <c r="D48" s="183"/>
      <c r="E48" s="183"/>
      <c r="F48" s="184"/>
      <c r="G48" s="35"/>
      <c r="H48" s="36" t="s">
        <v>654</v>
      </c>
      <c r="I48" s="35"/>
      <c r="J48" s="36" t="s">
        <v>30</v>
      </c>
      <c r="K48" s="37" t="s">
        <v>30</v>
      </c>
      <c r="L48" s="37" t="s">
        <v>654</v>
      </c>
      <c r="M48" s="38"/>
      <c r="N48" s="38"/>
      <c r="O48" s="39"/>
      <c r="P48" s="35"/>
      <c r="Q48" s="36"/>
      <c r="R48" s="35" t="s">
        <v>655</v>
      </c>
      <c r="S48" s="40"/>
      <c r="T48" s="41" t="s">
        <v>656</v>
      </c>
      <c r="U48" s="36" t="s">
        <v>657</v>
      </c>
      <c r="V48" s="35"/>
      <c r="W48" s="36" t="s">
        <v>658</v>
      </c>
      <c r="X48" s="42"/>
      <c r="Y48" s="42"/>
      <c r="Z48" s="42"/>
      <c r="AA48" s="42"/>
      <c r="AB48" s="43"/>
      <c r="AC48" s="43"/>
      <c r="AD48" s="43"/>
      <c r="AE48" s="43"/>
      <c r="AF48" s="43"/>
      <c r="AG48" s="43"/>
      <c r="AH48" s="43"/>
      <c r="AI48" s="43"/>
      <c r="AJ48" s="43"/>
      <c r="AK48" s="44"/>
      <c r="AL48" s="44"/>
      <c r="AM48" s="45"/>
    </row>
    <row r="49" spans="1:39" s="46" customFormat="1" ht="9.75" customHeight="1">
      <c r="A49" s="93"/>
      <c r="B49" s="94"/>
      <c r="C49" s="94"/>
      <c r="D49" s="94"/>
      <c r="E49" s="94"/>
      <c r="F49" s="94"/>
      <c r="G49" s="95"/>
      <c r="H49" s="96"/>
      <c r="I49" s="95"/>
      <c r="J49" s="96"/>
      <c r="K49" s="97"/>
      <c r="L49" s="97"/>
      <c r="M49" s="98"/>
      <c r="N49" s="98"/>
      <c r="O49" s="99"/>
      <c r="P49" s="95"/>
      <c r="Q49" s="96"/>
      <c r="R49" s="95"/>
      <c r="S49" s="100"/>
      <c r="T49" s="101"/>
      <c r="U49" s="96"/>
      <c r="V49" s="95"/>
      <c r="W49" s="96"/>
      <c r="X49" s="102"/>
      <c r="Y49" s="102"/>
      <c r="Z49" s="102"/>
      <c r="AA49" s="102"/>
      <c r="AB49" s="103"/>
      <c r="AC49" s="103"/>
      <c r="AD49" s="103"/>
      <c r="AE49" s="103"/>
      <c r="AF49" s="103"/>
      <c r="AG49" s="103"/>
      <c r="AH49" s="103"/>
      <c r="AI49" s="103"/>
      <c r="AJ49" s="103"/>
      <c r="AK49" s="104"/>
      <c r="AL49" s="104"/>
      <c r="AM49" s="155"/>
    </row>
    <row r="50" spans="1:39" ht="9.75" customHeight="1">
      <c r="A50" s="105"/>
      <c r="B50" s="106"/>
      <c r="C50" s="106"/>
      <c r="D50" s="106"/>
      <c r="E50" s="106"/>
      <c r="F50" s="106"/>
      <c r="G50" s="106"/>
      <c r="H50" s="106"/>
      <c r="I50" s="106"/>
      <c r="J50" s="106"/>
      <c r="K50" s="106"/>
      <c r="L50" s="106"/>
      <c r="M50" s="106"/>
      <c r="N50" s="106"/>
      <c r="O50" s="106"/>
      <c r="P50" s="106"/>
      <c r="Q50" s="106"/>
      <c r="R50" s="106"/>
      <c r="S50" s="106"/>
      <c r="T50" s="106"/>
      <c r="U50" s="106"/>
      <c r="V50" s="106"/>
      <c r="W50" s="106"/>
      <c r="X50" s="107"/>
      <c r="Y50" s="107"/>
      <c r="Z50" s="107"/>
      <c r="AA50" s="107"/>
      <c r="AB50" s="107"/>
      <c r="AC50" s="107"/>
      <c r="AD50" s="107"/>
      <c r="AE50" s="107"/>
      <c r="AF50" s="107"/>
      <c r="AG50" s="107"/>
      <c r="AH50" s="107"/>
      <c r="AI50" s="107"/>
      <c r="AJ50" s="107"/>
      <c r="AK50" s="107"/>
      <c r="AL50" s="107"/>
      <c r="AM50" s="108"/>
    </row>
    <row r="51" spans="1:39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1"/>
    </row>
    <row r="52" spans="1:39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1"/>
    </row>
    <row r="53" spans="1:39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1"/>
    </row>
    <row r="54" spans="1:39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1"/>
    </row>
    <row r="55" spans="1:39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1"/>
    </row>
    <row r="56" spans="1:39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1"/>
    </row>
    <row r="57" spans="1:39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1"/>
    </row>
    <row r="58" spans="1:39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1"/>
    </row>
    <row r="59" spans="1:39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1"/>
    </row>
    <row r="60" spans="1:39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1"/>
    </row>
    <row r="61" spans="1:39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1"/>
    </row>
    <row r="62" spans="1:39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1"/>
    </row>
    <row r="63" spans="1:39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1"/>
    </row>
    <row r="64" spans="1:39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1"/>
    </row>
    <row r="65" spans="1:39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1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43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C23:C25"/>
    <mergeCell ref="D23:D25"/>
    <mergeCell ref="E26:E28"/>
    <mergeCell ref="F26:F28"/>
    <mergeCell ref="N44:N46"/>
    <mergeCell ref="O44:O46"/>
    <mergeCell ref="C29:C31"/>
    <mergeCell ref="D29:D31"/>
    <mergeCell ref="E32:E34"/>
    <mergeCell ref="F32:F34"/>
    <mergeCell ref="C35:C37"/>
    <mergeCell ref="D35:D37"/>
    <mergeCell ref="A48:F48"/>
    <mergeCell ref="E38:E40"/>
    <mergeCell ref="F38:F40"/>
    <mergeCell ref="E41:E43"/>
    <mergeCell ref="F41:F43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2" max="84" man="1"/>
  </colBreaks>
  <drawing r:id="rId2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678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194" t="s">
        <v>679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654</v>
      </c>
      <c r="I11" s="35"/>
      <c r="J11" s="36" t="s">
        <v>30</v>
      </c>
      <c r="K11" s="124" t="s">
        <v>30</v>
      </c>
      <c r="L11" s="35"/>
      <c r="M11" s="125" t="s">
        <v>30</v>
      </c>
      <c r="N11" s="37" t="s">
        <v>654</v>
      </c>
      <c r="O11" s="38"/>
      <c r="P11" s="186"/>
      <c r="Q11" s="234"/>
      <c r="R11" s="35"/>
      <c r="S11" s="38"/>
      <c r="T11" s="126" t="s">
        <v>680</v>
      </c>
      <c r="U11" s="38"/>
      <c r="V11" s="36" t="s">
        <v>30</v>
      </c>
      <c r="W11" s="37" t="s">
        <v>30</v>
      </c>
      <c r="X11" s="37" t="s">
        <v>30</v>
      </c>
      <c r="Y11" s="37" t="s">
        <v>681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78" t="s">
        <v>108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682</v>
      </c>
      <c r="I14" s="33"/>
      <c r="J14" s="59" t="s">
        <v>30</v>
      </c>
      <c r="K14" s="132" t="s">
        <v>30</v>
      </c>
      <c r="L14" s="33"/>
      <c r="M14" s="133" t="s">
        <v>30</v>
      </c>
      <c r="N14" s="60" t="s">
        <v>682</v>
      </c>
      <c r="O14" s="61"/>
      <c r="P14" s="61"/>
      <c r="Q14" s="34"/>
      <c r="R14" s="33"/>
      <c r="S14" s="61"/>
      <c r="T14" s="134" t="s">
        <v>683</v>
      </c>
      <c r="U14" s="61"/>
      <c r="V14" s="59" t="s">
        <v>30</v>
      </c>
      <c r="W14" s="60" t="s">
        <v>30</v>
      </c>
      <c r="X14" s="60" t="s">
        <v>30</v>
      </c>
      <c r="Y14" s="60" t="s">
        <v>684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89" t="s">
        <v>685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90"/>
      <c r="G17" s="33"/>
      <c r="H17" s="59" t="s">
        <v>682</v>
      </c>
      <c r="I17" s="33"/>
      <c r="J17" s="59" t="s">
        <v>30</v>
      </c>
      <c r="K17" s="132" t="s">
        <v>30</v>
      </c>
      <c r="L17" s="33"/>
      <c r="M17" s="133" t="s">
        <v>30</v>
      </c>
      <c r="N17" s="60" t="s">
        <v>682</v>
      </c>
      <c r="O17" s="61"/>
      <c r="P17" s="61"/>
      <c r="Q17" s="34"/>
      <c r="R17" s="33"/>
      <c r="S17" s="61"/>
      <c r="T17" s="134" t="s">
        <v>683</v>
      </c>
      <c r="U17" s="61"/>
      <c r="V17" s="59" t="s">
        <v>30</v>
      </c>
      <c r="W17" s="60" t="s">
        <v>30</v>
      </c>
      <c r="X17" s="60" t="s">
        <v>30</v>
      </c>
      <c r="Y17" s="60" t="s">
        <v>684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90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07</v>
      </c>
      <c r="Q19" s="178" t="s">
        <v>108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682</v>
      </c>
      <c r="T20" s="134" t="s">
        <v>683</v>
      </c>
      <c r="U20" s="61"/>
      <c r="V20" s="59" t="s">
        <v>30</v>
      </c>
      <c r="W20" s="60" t="s">
        <v>30</v>
      </c>
      <c r="X20" s="60" t="s">
        <v>30</v>
      </c>
      <c r="Y20" s="60" t="s">
        <v>684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64"/>
      <c r="D21" s="136"/>
      <c r="E21" s="64"/>
      <c r="F21" s="65"/>
      <c r="G21" s="64"/>
      <c r="H21" s="66"/>
      <c r="I21" s="64"/>
      <c r="J21" s="66"/>
      <c r="K21" s="137"/>
      <c r="L21" s="64"/>
      <c r="M21" s="138"/>
      <c r="N21" s="67"/>
      <c r="O21" s="68"/>
      <c r="P21" s="187"/>
      <c r="Q21" s="180"/>
      <c r="R21" s="64"/>
      <c r="S21" s="68"/>
      <c r="T21" s="139"/>
      <c r="U21" s="68"/>
      <c r="V21" s="66"/>
      <c r="W21" s="67"/>
      <c r="X21" s="67"/>
      <c r="Y21" s="67"/>
      <c r="Z21" s="140"/>
      <c r="AA21" s="71"/>
      <c r="AB21" s="71"/>
      <c r="AC21" s="71"/>
      <c r="AD21" s="72"/>
      <c r="AE21" s="73"/>
      <c r="AF21" s="73"/>
      <c r="AG21" s="73"/>
      <c r="AH21" s="71"/>
      <c r="AI21" s="71"/>
      <c r="AJ21" s="71"/>
      <c r="AK21" s="71"/>
      <c r="AL21" s="72"/>
      <c r="AM21" s="73"/>
      <c r="AN21" s="73"/>
      <c r="AO21" s="74"/>
    </row>
    <row r="22" spans="1:41" s="46" customFormat="1" ht="9.75" customHeight="1">
      <c r="A22" s="57"/>
      <c r="B22" s="34"/>
      <c r="C22" s="175" t="s">
        <v>36</v>
      </c>
      <c r="D22" s="178" t="s">
        <v>330</v>
      </c>
      <c r="E22" s="48"/>
      <c r="F22" s="49"/>
      <c r="G22" s="48"/>
      <c r="H22" s="50"/>
      <c r="I22" s="48"/>
      <c r="J22" s="50"/>
      <c r="K22" s="128"/>
      <c r="L22" s="48"/>
      <c r="M22" s="129"/>
      <c r="N22" s="51"/>
      <c r="O22" s="52"/>
      <c r="P22" s="52"/>
      <c r="Q22" s="76"/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41"/>
      <c r="C23" s="176"/>
      <c r="D23" s="179"/>
      <c r="E23" s="33"/>
      <c r="F23" s="34"/>
      <c r="G23" s="33"/>
      <c r="H23" s="59" t="s">
        <v>686</v>
      </c>
      <c r="I23" s="33"/>
      <c r="J23" s="59" t="s">
        <v>30</v>
      </c>
      <c r="K23" s="132" t="s">
        <v>30</v>
      </c>
      <c r="L23" s="33"/>
      <c r="M23" s="133" t="s">
        <v>30</v>
      </c>
      <c r="N23" s="60" t="s">
        <v>686</v>
      </c>
      <c r="O23" s="61"/>
      <c r="P23" s="61"/>
      <c r="Q23" s="58"/>
      <c r="R23" s="33"/>
      <c r="S23" s="61"/>
      <c r="T23" s="134" t="s">
        <v>687</v>
      </c>
      <c r="U23" s="61"/>
      <c r="V23" s="59" t="s">
        <v>30</v>
      </c>
      <c r="W23" s="60" t="s">
        <v>30</v>
      </c>
      <c r="X23" s="60" t="s">
        <v>30</v>
      </c>
      <c r="Y23" s="60" t="s">
        <v>688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41"/>
      <c r="C24" s="176"/>
      <c r="D24" s="179"/>
      <c r="E24" s="33"/>
      <c r="F24" s="34"/>
      <c r="G24" s="33"/>
      <c r="H24" s="59"/>
      <c r="I24" s="33"/>
      <c r="J24" s="59"/>
      <c r="K24" s="132"/>
      <c r="L24" s="33"/>
      <c r="M24" s="133"/>
      <c r="N24" s="60"/>
      <c r="O24" s="61"/>
      <c r="P24" s="61"/>
      <c r="Q24" s="58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34"/>
      <c r="E25" s="175" t="s">
        <v>21</v>
      </c>
      <c r="F25" s="178" t="s">
        <v>332</v>
      </c>
      <c r="G25" s="48"/>
      <c r="H25" s="50"/>
      <c r="I25" s="48"/>
      <c r="J25" s="50"/>
      <c r="K25" s="128"/>
      <c r="L25" s="48"/>
      <c r="M25" s="129"/>
      <c r="N25" s="51"/>
      <c r="O25" s="52"/>
      <c r="P25" s="52"/>
      <c r="Q25" s="76"/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41"/>
      <c r="E26" s="176"/>
      <c r="F26" s="179"/>
      <c r="G26" s="33"/>
      <c r="H26" s="59" t="s">
        <v>686</v>
      </c>
      <c r="I26" s="33"/>
      <c r="J26" s="59" t="s">
        <v>30</v>
      </c>
      <c r="K26" s="132" t="s">
        <v>30</v>
      </c>
      <c r="L26" s="33"/>
      <c r="M26" s="133" t="s">
        <v>30</v>
      </c>
      <c r="N26" s="60" t="s">
        <v>686</v>
      </c>
      <c r="O26" s="61"/>
      <c r="P26" s="61"/>
      <c r="Q26" s="34"/>
      <c r="R26" s="33"/>
      <c r="S26" s="61"/>
      <c r="T26" s="134" t="s">
        <v>687</v>
      </c>
      <c r="U26" s="61"/>
      <c r="V26" s="59" t="s">
        <v>30</v>
      </c>
      <c r="W26" s="60" t="s">
        <v>30</v>
      </c>
      <c r="X26" s="60" t="s">
        <v>30</v>
      </c>
      <c r="Y26" s="60" t="s">
        <v>688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41"/>
      <c r="E27" s="176"/>
      <c r="F27" s="179"/>
      <c r="G27" s="33"/>
      <c r="H27" s="59"/>
      <c r="I27" s="33"/>
      <c r="J27" s="59"/>
      <c r="K27" s="132"/>
      <c r="L27" s="33"/>
      <c r="M27" s="133"/>
      <c r="N27" s="60"/>
      <c r="O27" s="61"/>
      <c r="P27" s="61"/>
      <c r="Q27" s="34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57"/>
      <c r="B28" s="131"/>
      <c r="C28" s="33"/>
      <c r="D28" s="131"/>
      <c r="E28" s="33"/>
      <c r="F28" s="34"/>
      <c r="G28" s="33"/>
      <c r="H28" s="59"/>
      <c r="I28" s="33"/>
      <c r="J28" s="59"/>
      <c r="K28" s="132"/>
      <c r="L28" s="33"/>
      <c r="M28" s="133"/>
      <c r="N28" s="60"/>
      <c r="O28" s="61"/>
      <c r="P28" s="185" t="s">
        <v>21</v>
      </c>
      <c r="Q28" s="178" t="s">
        <v>300</v>
      </c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31"/>
      <c r="C29" s="33"/>
      <c r="D29" s="131"/>
      <c r="E29" s="33"/>
      <c r="F29" s="34"/>
      <c r="G29" s="33"/>
      <c r="H29" s="59"/>
      <c r="I29" s="33"/>
      <c r="J29" s="59"/>
      <c r="K29" s="132"/>
      <c r="L29" s="33"/>
      <c r="M29" s="133"/>
      <c r="N29" s="60"/>
      <c r="O29" s="61"/>
      <c r="P29" s="186"/>
      <c r="Q29" s="179"/>
      <c r="R29" s="33"/>
      <c r="S29" s="61" t="s">
        <v>689</v>
      </c>
      <c r="T29" s="134" t="s">
        <v>690</v>
      </c>
      <c r="U29" s="61"/>
      <c r="V29" s="59" t="s">
        <v>30</v>
      </c>
      <c r="W29" s="60" t="s">
        <v>30</v>
      </c>
      <c r="X29" s="60" t="s">
        <v>30</v>
      </c>
      <c r="Y29" s="60" t="s">
        <v>691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31"/>
      <c r="C30" s="33"/>
      <c r="D30" s="131"/>
      <c r="E30" s="33"/>
      <c r="F30" s="34"/>
      <c r="G30" s="33"/>
      <c r="H30" s="59"/>
      <c r="I30" s="33"/>
      <c r="J30" s="59"/>
      <c r="K30" s="132"/>
      <c r="L30" s="33"/>
      <c r="M30" s="133"/>
      <c r="N30" s="60"/>
      <c r="O30" s="61"/>
      <c r="P30" s="187"/>
      <c r="Q30" s="180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131"/>
      <c r="E31" s="33"/>
      <c r="F31" s="58"/>
      <c r="G31" s="33"/>
      <c r="H31" s="59"/>
      <c r="I31" s="33"/>
      <c r="J31" s="59"/>
      <c r="K31" s="132"/>
      <c r="L31" s="33"/>
      <c r="M31" s="133"/>
      <c r="N31" s="60"/>
      <c r="O31" s="61"/>
      <c r="P31" s="185" t="s">
        <v>52</v>
      </c>
      <c r="Q31" s="178" t="s">
        <v>444</v>
      </c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31"/>
      <c r="E32" s="33"/>
      <c r="F32" s="58"/>
      <c r="G32" s="33"/>
      <c r="H32" s="59"/>
      <c r="I32" s="33"/>
      <c r="J32" s="59"/>
      <c r="K32" s="132"/>
      <c r="L32" s="33"/>
      <c r="M32" s="133"/>
      <c r="N32" s="60"/>
      <c r="O32" s="61"/>
      <c r="P32" s="186"/>
      <c r="Q32" s="179"/>
      <c r="R32" s="33"/>
      <c r="S32" s="61" t="s">
        <v>692</v>
      </c>
      <c r="T32" s="134" t="s">
        <v>693</v>
      </c>
      <c r="U32" s="61"/>
      <c r="V32" s="59" t="s">
        <v>30</v>
      </c>
      <c r="W32" s="60" t="s">
        <v>30</v>
      </c>
      <c r="X32" s="60" t="s">
        <v>30</v>
      </c>
      <c r="Y32" s="60" t="s">
        <v>694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33"/>
      <c r="D33" s="131"/>
      <c r="E33" s="33"/>
      <c r="F33" s="58"/>
      <c r="G33" s="33"/>
      <c r="H33" s="59"/>
      <c r="I33" s="33"/>
      <c r="J33" s="59"/>
      <c r="K33" s="132"/>
      <c r="L33" s="33"/>
      <c r="M33" s="133"/>
      <c r="N33" s="60"/>
      <c r="O33" s="61"/>
      <c r="P33" s="187"/>
      <c r="Q33" s="180"/>
      <c r="R33" s="33"/>
      <c r="S33" s="61"/>
      <c r="T33" s="134"/>
      <c r="U33" s="61"/>
      <c r="V33" s="59"/>
      <c r="W33" s="60"/>
      <c r="X33" s="60"/>
      <c r="Y33" s="60"/>
      <c r="Z33" s="135"/>
      <c r="AA33" s="27"/>
      <c r="AB33" s="27"/>
      <c r="AC33" s="27"/>
      <c r="AD33" s="28"/>
      <c r="AE33" s="29"/>
      <c r="AF33" s="29"/>
      <c r="AG33" s="29"/>
      <c r="AH33" s="27"/>
      <c r="AI33" s="27"/>
      <c r="AJ33" s="27"/>
      <c r="AK33" s="27"/>
      <c r="AL33" s="28"/>
      <c r="AM33" s="29"/>
      <c r="AN33" s="29"/>
      <c r="AO33" s="30"/>
    </row>
    <row r="34" spans="1:41" s="46" customFormat="1" ht="9.75" customHeight="1">
      <c r="A34" s="57"/>
      <c r="B34" s="131"/>
      <c r="C34" s="33"/>
      <c r="D34" s="131"/>
      <c r="E34" s="33"/>
      <c r="F34" s="58"/>
      <c r="G34" s="33"/>
      <c r="H34" s="59"/>
      <c r="I34" s="33"/>
      <c r="J34" s="59"/>
      <c r="K34" s="132"/>
      <c r="L34" s="33"/>
      <c r="M34" s="133"/>
      <c r="N34" s="60"/>
      <c r="O34" s="61"/>
      <c r="P34" s="185" t="s">
        <v>57</v>
      </c>
      <c r="Q34" s="178" t="s">
        <v>448</v>
      </c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31"/>
      <c r="C35" s="33"/>
      <c r="D35" s="131"/>
      <c r="E35" s="33"/>
      <c r="F35" s="58"/>
      <c r="G35" s="33"/>
      <c r="H35" s="59"/>
      <c r="I35" s="33"/>
      <c r="J35" s="59"/>
      <c r="K35" s="132"/>
      <c r="L35" s="33"/>
      <c r="M35" s="133"/>
      <c r="N35" s="60"/>
      <c r="O35" s="61"/>
      <c r="P35" s="186"/>
      <c r="Q35" s="179"/>
      <c r="R35" s="33"/>
      <c r="S35" s="61" t="s">
        <v>695</v>
      </c>
      <c r="T35" s="134" t="s">
        <v>696</v>
      </c>
      <c r="U35" s="61"/>
      <c r="V35" s="59" t="s">
        <v>30</v>
      </c>
      <c r="W35" s="60" t="s">
        <v>30</v>
      </c>
      <c r="X35" s="60" t="s">
        <v>30</v>
      </c>
      <c r="Y35" s="60" t="s">
        <v>697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31"/>
      <c r="C36" s="33"/>
      <c r="D36" s="131"/>
      <c r="E36" s="33"/>
      <c r="F36" s="58"/>
      <c r="G36" s="33"/>
      <c r="H36" s="59"/>
      <c r="I36" s="33"/>
      <c r="J36" s="59"/>
      <c r="K36" s="132"/>
      <c r="L36" s="33"/>
      <c r="M36" s="133"/>
      <c r="N36" s="60"/>
      <c r="O36" s="61"/>
      <c r="P36" s="187"/>
      <c r="Q36" s="180"/>
      <c r="R36" s="33"/>
      <c r="S36" s="61"/>
      <c r="T36" s="134"/>
      <c r="U36" s="61"/>
      <c r="V36" s="59"/>
      <c r="W36" s="60"/>
      <c r="X36" s="60"/>
      <c r="Y36" s="60"/>
      <c r="Z36" s="135"/>
      <c r="AA36" s="27"/>
      <c r="AB36" s="27"/>
      <c r="AC36" s="27"/>
      <c r="AD36" s="28"/>
      <c r="AE36" s="29"/>
      <c r="AF36" s="29"/>
      <c r="AG36" s="29"/>
      <c r="AH36" s="27"/>
      <c r="AI36" s="27"/>
      <c r="AJ36" s="27"/>
      <c r="AK36" s="27"/>
      <c r="AL36" s="28"/>
      <c r="AM36" s="29"/>
      <c r="AN36" s="29"/>
      <c r="AO36" s="30"/>
    </row>
    <row r="37" spans="1:41" s="46" customFormat="1" ht="9.75" customHeight="1">
      <c r="A37" s="57"/>
      <c r="B37" s="131"/>
      <c r="C37" s="33"/>
      <c r="D37" s="131"/>
      <c r="E37" s="33"/>
      <c r="F37" s="58"/>
      <c r="G37" s="33"/>
      <c r="H37" s="59"/>
      <c r="I37" s="33"/>
      <c r="J37" s="59"/>
      <c r="K37" s="132"/>
      <c r="L37" s="33"/>
      <c r="M37" s="133"/>
      <c r="N37" s="60"/>
      <c r="O37" s="61"/>
      <c r="P37" s="185" t="s">
        <v>302</v>
      </c>
      <c r="Q37" s="178" t="s">
        <v>303</v>
      </c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31"/>
      <c r="C38" s="33"/>
      <c r="D38" s="131"/>
      <c r="E38" s="33"/>
      <c r="F38" s="58"/>
      <c r="G38" s="33"/>
      <c r="H38" s="59"/>
      <c r="I38" s="33"/>
      <c r="J38" s="59"/>
      <c r="K38" s="132"/>
      <c r="L38" s="33"/>
      <c r="M38" s="133"/>
      <c r="N38" s="60"/>
      <c r="O38" s="61"/>
      <c r="P38" s="186"/>
      <c r="Q38" s="179"/>
      <c r="R38" s="33"/>
      <c r="S38" s="61" t="s">
        <v>698</v>
      </c>
      <c r="T38" s="134" t="s">
        <v>699</v>
      </c>
      <c r="U38" s="61"/>
      <c r="V38" s="59" t="s">
        <v>30</v>
      </c>
      <c r="W38" s="60" t="s">
        <v>30</v>
      </c>
      <c r="X38" s="60" t="s">
        <v>30</v>
      </c>
      <c r="Y38" s="60" t="s">
        <v>700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31"/>
      <c r="C39" s="33"/>
      <c r="D39" s="131"/>
      <c r="E39" s="33"/>
      <c r="F39" s="58"/>
      <c r="G39" s="33"/>
      <c r="H39" s="59"/>
      <c r="I39" s="33"/>
      <c r="J39" s="59"/>
      <c r="K39" s="132"/>
      <c r="L39" s="33"/>
      <c r="M39" s="133"/>
      <c r="N39" s="60"/>
      <c r="O39" s="61"/>
      <c r="P39" s="187"/>
      <c r="Q39" s="180"/>
      <c r="R39" s="33"/>
      <c r="S39" s="61"/>
      <c r="T39" s="134"/>
      <c r="U39" s="61"/>
      <c r="V39" s="59"/>
      <c r="W39" s="60"/>
      <c r="X39" s="60"/>
      <c r="Y39" s="60"/>
      <c r="Z39" s="135"/>
      <c r="AA39" s="27"/>
      <c r="AB39" s="27"/>
      <c r="AC39" s="27"/>
      <c r="AD39" s="28"/>
      <c r="AE39" s="29"/>
      <c r="AF39" s="29"/>
      <c r="AG39" s="29"/>
      <c r="AH39" s="27"/>
      <c r="AI39" s="27"/>
      <c r="AJ39" s="27"/>
      <c r="AK39" s="27"/>
      <c r="AL39" s="28"/>
      <c r="AM39" s="29"/>
      <c r="AN39" s="29"/>
      <c r="AO39" s="30"/>
    </row>
    <row r="40" spans="1:41" s="46" customFormat="1" ht="9.75" customHeight="1">
      <c r="A40" s="57"/>
      <c r="B40" s="131"/>
      <c r="C40" s="33"/>
      <c r="D40" s="131"/>
      <c r="E40" s="33"/>
      <c r="F40" s="58"/>
      <c r="G40" s="33"/>
      <c r="H40" s="59"/>
      <c r="I40" s="33"/>
      <c r="J40" s="59"/>
      <c r="K40" s="132"/>
      <c r="L40" s="33"/>
      <c r="M40" s="133"/>
      <c r="N40" s="60"/>
      <c r="O40" s="61"/>
      <c r="P40" s="185" t="s">
        <v>89</v>
      </c>
      <c r="Q40" s="178" t="s">
        <v>90</v>
      </c>
      <c r="R40" s="48"/>
      <c r="S40" s="52"/>
      <c r="T40" s="130"/>
      <c r="U40" s="52"/>
      <c r="V40" s="50"/>
      <c r="W40" s="51"/>
      <c r="X40" s="51"/>
      <c r="Y40" s="51"/>
      <c r="Z40" s="122" t="s">
        <v>3</v>
      </c>
      <c r="AA40" s="55"/>
      <c r="AB40" s="55"/>
      <c r="AC40" s="55"/>
      <c r="AD40" s="56"/>
      <c r="AE40" s="19"/>
      <c r="AF40" s="19"/>
      <c r="AG40" s="19"/>
      <c r="AH40" s="55"/>
      <c r="AI40" s="55"/>
      <c r="AJ40" s="55"/>
      <c r="AK40" s="55"/>
      <c r="AL40" s="56"/>
      <c r="AM40" s="19"/>
      <c r="AN40" s="19"/>
      <c r="AO40" s="26"/>
    </row>
    <row r="41" spans="1:41" s="46" customFormat="1" ht="9.75" customHeight="1">
      <c r="A41" s="57"/>
      <c r="B41" s="131"/>
      <c r="C41" s="33"/>
      <c r="D41" s="131"/>
      <c r="E41" s="33"/>
      <c r="F41" s="58"/>
      <c r="G41" s="33"/>
      <c r="H41" s="59"/>
      <c r="I41" s="33"/>
      <c r="J41" s="59"/>
      <c r="K41" s="132"/>
      <c r="L41" s="33"/>
      <c r="M41" s="133"/>
      <c r="N41" s="60"/>
      <c r="O41" s="61"/>
      <c r="P41" s="186"/>
      <c r="Q41" s="179"/>
      <c r="R41" s="33"/>
      <c r="S41" s="61" t="s">
        <v>701</v>
      </c>
      <c r="T41" s="134" t="s">
        <v>702</v>
      </c>
      <c r="U41" s="61"/>
      <c r="V41" s="59" t="s">
        <v>30</v>
      </c>
      <c r="W41" s="60" t="s">
        <v>30</v>
      </c>
      <c r="X41" s="60" t="s">
        <v>30</v>
      </c>
      <c r="Y41" s="60" t="s">
        <v>703</v>
      </c>
      <c r="Z41" s="135"/>
      <c r="AA41" s="27"/>
      <c r="AB41" s="27"/>
      <c r="AC41" s="27"/>
      <c r="AD41" s="28"/>
      <c r="AE41" s="29"/>
      <c r="AF41" s="29"/>
      <c r="AG41" s="29"/>
      <c r="AH41" s="27"/>
      <c r="AI41" s="27"/>
      <c r="AJ41" s="27"/>
      <c r="AK41" s="27"/>
      <c r="AL41" s="28"/>
      <c r="AM41" s="29"/>
      <c r="AN41" s="29"/>
      <c r="AO41" s="30"/>
    </row>
    <row r="42" spans="1:41" s="46" customFormat="1" ht="9.75" customHeight="1">
      <c r="A42" s="57"/>
      <c r="B42" s="131"/>
      <c r="C42" s="33"/>
      <c r="D42" s="131"/>
      <c r="E42" s="33"/>
      <c r="F42" s="58"/>
      <c r="G42" s="33"/>
      <c r="H42" s="59"/>
      <c r="I42" s="33"/>
      <c r="J42" s="59"/>
      <c r="K42" s="132"/>
      <c r="L42" s="33"/>
      <c r="M42" s="133"/>
      <c r="N42" s="60"/>
      <c r="O42" s="61"/>
      <c r="P42" s="187"/>
      <c r="Q42" s="180"/>
      <c r="R42" s="33"/>
      <c r="S42" s="61"/>
      <c r="T42" s="134"/>
      <c r="U42" s="61"/>
      <c r="V42" s="59"/>
      <c r="W42" s="60"/>
      <c r="X42" s="60"/>
      <c r="Y42" s="60"/>
      <c r="Z42" s="135"/>
      <c r="AA42" s="27"/>
      <c r="AB42" s="27"/>
      <c r="AC42" s="27"/>
      <c r="AD42" s="28"/>
      <c r="AE42" s="29"/>
      <c r="AF42" s="29"/>
      <c r="AG42" s="29"/>
      <c r="AH42" s="27"/>
      <c r="AI42" s="27"/>
      <c r="AJ42" s="27"/>
      <c r="AK42" s="27"/>
      <c r="AL42" s="28"/>
      <c r="AM42" s="29"/>
      <c r="AN42" s="29"/>
      <c r="AO42" s="30"/>
    </row>
    <row r="43" spans="1:41" s="46" customFormat="1" ht="9.75" customHeight="1">
      <c r="A43" s="57"/>
      <c r="B43" s="131"/>
      <c r="C43" s="33"/>
      <c r="D43" s="131"/>
      <c r="E43" s="33"/>
      <c r="F43" s="58"/>
      <c r="G43" s="33"/>
      <c r="H43" s="59"/>
      <c r="I43" s="33"/>
      <c r="J43" s="59"/>
      <c r="K43" s="132"/>
      <c r="L43" s="33"/>
      <c r="M43" s="133"/>
      <c r="N43" s="60"/>
      <c r="O43" s="61"/>
      <c r="P43" s="185" t="s">
        <v>94</v>
      </c>
      <c r="Q43" s="178" t="s">
        <v>95</v>
      </c>
      <c r="R43" s="48"/>
      <c r="S43" s="52"/>
      <c r="T43" s="130"/>
      <c r="U43" s="52"/>
      <c r="V43" s="50"/>
      <c r="W43" s="51"/>
      <c r="X43" s="51"/>
      <c r="Y43" s="51"/>
      <c r="Z43" s="122" t="s">
        <v>3</v>
      </c>
      <c r="AA43" s="55"/>
      <c r="AB43" s="55"/>
      <c r="AC43" s="55"/>
      <c r="AD43" s="56"/>
      <c r="AE43" s="19"/>
      <c r="AF43" s="19"/>
      <c r="AG43" s="19"/>
      <c r="AH43" s="55"/>
      <c r="AI43" s="55"/>
      <c r="AJ43" s="55"/>
      <c r="AK43" s="55"/>
      <c r="AL43" s="56"/>
      <c r="AM43" s="19"/>
      <c r="AN43" s="19"/>
      <c r="AO43" s="26"/>
    </row>
    <row r="44" spans="1:41" s="46" customFormat="1" ht="9.75" customHeight="1">
      <c r="A44" s="57"/>
      <c r="B44" s="131"/>
      <c r="C44" s="33"/>
      <c r="D44" s="131"/>
      <c r="E44" s="33"/>
      <c r="F44" s="58"/>
      <c r="G44" s="33"/>
      <c r="H44" s="59"/>
      <c r="I44" s="33"/>
      <c r="J44" s="59"/>
      <c r="K44" s="132"/>
      <c r="L44" s="33"/>
      <c r="M44" s="133"/>
      <c r="N44" s="60"/>
      <c r="O44" s="61"/>
      <c r="P44" s="186"/>
      <c r="Q44" s="179"/>
      <c r="R44" s="33"/>
      <c r="S44" s="61" t="s">
        <v>704</v>
      </c>
      <c r="T44" s="134" t="s">
        <v>705</v>
      </c>
      <c r="U44" s="61"/>
      <c r="V44" s="59" t="s">
        <v>30</v>
      </c>
      <c r="W44" s="60" t="s">
        <v>30</v>
      </c>
      <c r="X44" s="60" t="s">
        <v>30</v>
      </c>
      <c r="Y44" s="60" t="s">
        <v>706</v>
      </c>
      <c r="Z44" s="135"/>
      <c r="AA44" s="27"/>
      <c r="AB44" s="27"/>
      <c r="AC44" s="27"/>
      <c r="AD44" s="28"/>
      <c r="AE44" s="29"/>
      <c r="AF44" s="29"/>
      <c r="AG44" s="29"/>
      <c r="AH44" s="27"/>
      <c r="AI44" s="27"/>
      <c r="AJ44" s="27"/>
      <c r="AK44" s="27"/>
      <c r="AL44" s="28"/>
      <c r="AM44" s="29"/>
      <c r="AN44" s="29"/>
      <c r="AO44" s="30"/>
    </row>
    <row r="45" spans="1:41" s="46" customFormat="1" ht="9.75" customHeight="1">
      <c r="A45" s="57"/>
      <c r="B45" s="131"/>
      <c r="C45" s="33"/>
      <c r="D45" s="131"/>
      <c r="E45" s="33"/>
      <c r="F45" s="58"/>
      <c r="G45" s="33"/>
      <c r="H45" s="59"/>
      <c r="I45" s="33"/>
      <c r="J45" s="59"/>
      <c r="K45" s="132"/>
      <c r="L45" s="33"/>
      <c r="M45" s="133"/>
      <c r="N45" s="60"/>
      <c r="O45" s="61"/>
      <c r="P45" s="187"/>
      <c r="Q45" s="180"/>
      <c r="R45" s="33"/>
      <c r="S45" s="61"/>
      <c r="T45" s="134"/>
      <c r="U45" s="61"/>
      <c r="V45" s="59"/>
      <c r="W45" s="60"/>
      <c r="X45" s="60"/>
      <c r="Y45" s="60"/>
      <c r="Z45" s="135"/>
      <c r="AA45" s="27"/>
      <c r="AB45" s="27"/>
      <c r="AC45" s="27"/>
      <c r="AD45" s="28"/>
      <c r="AE45" s="29"/>
      <c r="AF45" s="29"/>
      <c r="AG45" s="29"/>
      <c r="AH45" s="27"/>
      <c r="AI45" s="27"/>
      <c r="AJ45" s="27"/>
      <c r="AK45" s="27"/>
      <c r="AL45" s="28"/>
      <c r="AM45" s="29"/>
      <c r="AN45" s="29"/>
      <c r="AO45" s="30"/>
    </row>
    <row r="46" spans="1:41" s="46" customFormat="1" ht="9.75" customHeight="1">
      <c r="A46" s="57"/>
      <c r="B46" s="131"/>
      <c r="C46" s="33"/>
      <c r="D46" s="131"/>
      <c r="E46" s="33"/>
      <c r="F46" s="58"/>
      <c r="G46" s="33"/>
      <c r="H46" s="59"/>
      <c r="I46" s="33"/>
      <c r="J46" s="59"/>
      <c r="K46" s="132"/>
      <c r="L46" s="33"/>
      <c r="M46" s="133"/>
      <c r="N46" s="60"/>
      <c r="O46" s="61"/>
      <c r="P46" s="185" t="s">
        <v>307</v>
      </c>
      <c r="Q46" s="178" t="s">
        <v>308</v>
      </c>
      <c r="R46" s="48"/>
      <c r="S46" s="52"/>
      <c r="T46" s="130"/>
      <c r="U46" s="52"/>
      <c r="V46" s="50"/>
      <c r="W46" s="51"/>
      <c r="X46" s="51"/>
      <c r="Y46" s="51"/>
      <c r="Z46" s="122" t="s">
        <v>3</v>
      </c>
      <c r="AA46" s="55"/>
      <c r="AB46" s="55"/>
      <c r="AC46" s="55"/>
      <c r="AD46" s="56"/>
      <c r="AE46" s="19"/>
      <c r="AF46" s="19"/>
      <c r="AG46" s="19"/>
      <c r="AH46" s="55"/>
      <c r="AI46" s="55"/>
      <c r="AJ46" s="55"/>
      <c r="AK46" s="55"/>
      <c r="AL46" s="56"/>
      <c r="AM46" s="19"/>
      <c r="AN46" s="19"/>
      <c r="AO46" s="26"/>
    </row>
    <row r="47" spans="1:41" s="46" customFormat="1" ht="9.75" customHeight="1">
      <c r="A47" s="57"/>
      <c r="B47" s="131"/>
      <c r="C47" s="33"/>
      <c r="D47" s="131"/>
      <c r="E47" s="33"/>
      <c r="F47" s="58"/>
      <c r="G47" s="33"/>
      <c r="H47" s="59"/>
      <c r="I47" s="33"/>
      <c r="J47" s="59"/>
      <c r="K47" s="132"/>
      <c r="L47" s="33"/>
      <c r="M47" s="133"/>
      <c r="N47" s="60"/>
      <c r="O47" s="61"/>
      <c r="P47" s="186"/>
      <c r="Q47" s="179"/>
      <c r="R47" s="33"/>
      <c r="S47" s="61" t="s">
        <v>707</v>
      </c>
      <c r="T47" s="134" t="s">
        <v>708</v>
      </c>
      <c r="U47" s="61"/>
      <c r="V47" s="59" t="s">
        <v>30</v>
      </c>
      <c r="W47" s="60" t="s">
        <v>30</v>
      </c>
      <c r="X47" s="60" t="s">
        <v>30</v>
      </c>
      <c r="Y47" s="60" t="s">
        <v>709</v>
      </c>
      <c r="Z47" s="135"/>
      <c r="AA47" s="27"/>
      <c r="AB47" s="27"/>
      <c r="AC47" s="27"/>
      <c r="AD47" s="28"/>
      <c r="AE47" s="29"/>
      <c r="AF47" s="29"/>
      <c r="AG47" s="29"/>
      <c r="AH47" s="27"/>
      <c r="AI47" s="27"/>
      <c r="AJ47" s="27"/>
      <c r="AK47" s="27"/>
      <c r="AL47" s="28"/>
      <c r="AM47" s="29"/>
      <c r="AN47" s="29"/>
      <c r="AO47" s="30"/>
    </row>
    <row r="48" spans="1:41" s="46" customFormat="1" ht="9.75" customHeight="1">
      <c r="A48" s="57"/>
      <c r="B48" s="131"/>
      <c r="C48" s="33"/>
      <c r="D48" s="131"/>
      <c r="E48" s="33"/>
      <c r="F48" s="58"/>
      <c r="G48" s="33"/>
      <c r="H48" s="59"/>
      <c r="I48" s="33"/>
      <c r="J48" s="59"/>
      <c r="K48" s="132"/>
      <c r="L48" s="33"/>
      <c r="M48" s="133"/>
      <c r="N48" s="60"/>
      <c r="O48" s="61"/>
      <c r="P48" s="187"/>
      <c r="Q48" s="180"/>
      <c r="R48" s="33"/>
      <c r="S48" s="61"/>
      <c r="T48" s="134"/>
      <c r="U48" s="61"/>
      <c r="V48" s="59"/>
      <c r="W48" s="60"/>
      <c r="X48" s="60"/>
      <c r="Y48" s="60"/>
      <c r="Z48" s="135"/>
      <c r="AA48" s="27"/>
      <c r="AB48" s="27"/>
      <c r="AC48" s="27"/>
      <c r="AD48" s="28"/>
      <c r="AE48" s="29"/>
      <c r="AF48" s="29"/>
      <c r="AG48" s="29"/>
      <c r="AH48" s="27"/>
      <c r="AI48" s="27"/>
      <c r="AJ48" s="27"/>
      <c r="AK48" s="27"/>
      <c r="AL48" s="28"/>
      <c r="AM48" s="29"/>
      <c r="AN48" s="29"/>
      <c r="AO48" s="30"/>
    </row>
    <row r="49" spans="1:41" s="46" customFormat="1" ht="9.75" customHeight="1">
      <c r="A49" s="57"/>
      <c r="B49" s="131"/>
      <c r="C49" s="33"/>
      <c r="D49" s="131"/>
      <c r="E49" s="33"/>
      <c r="F49" s="58"/>
      <c r="G49" s="33"/>
      <c r="H49" s="59"/>
      <c r="I49" s="33"/>
      <c r="J49" s="59"/>
      <c r="K49" s="132"/>
      <c r="L49" s="33"/>
      <c r="M49" s="133"/>
      <c r="N49" s="60"/>
      <c r="O49" s="61"/>
      <c r="P49" s="185" t="s">
        <v>97</v>
      </c>
      <c r="Q49" s="188" t="s">
        <v>98</v>
      </c>
      <c r="R49" s="48"/>
      <c r="S49" s="52"/>
      <c r="T49" s="130"/>
      <c r="U49" s="52"/>
      <c r="V49" s="50"/>
      <c r="W49" s="51"/>
      <c r="X49" s="51"/>
      <c r="Y49" s="51"/>
      <c r="Z49" s="122" t="s">
        <v>3</v>
      </c>
      <c r="AA49" s="55"/>
      <c r="AB49" s="55"/>
      <c r="AC49" s="55"/>
      <c r="AD49" s="56"/>
      <c r="AE49" s="19"/>
      <c r="AF49" s="19"/>
      <c r="AG49" s="19"/>
      <c r="AH49" s="55"/>
      <c r="AI49" s="55"/>
      <c r="AJ49" s="55"/>
      <c r="AK49" s="55"/>
      <c r="AL49" s="56"/>
      <c r="AM49" s="19"/>
      <c r="AN49" s="19"/>
      <c r="AO49" s="26"/>
    </row>
    <row r="50" spans="1:41" s="46" customFormat="1" ht="9.75" customHeight="1">
      <c r="A50" s="57"/>
      <c r="B50" s="131"/>
      <c r="C50" s="33"/>
      <c r="D50" s="131"/>
      <c r="E50" s="33"/>
      <c r="F50" s="58"/>
      <c r="G50" s="33"/>
      <c r="H50" s="59"/>
      <c r="I50" s="33"/>
      <c r="J50" s="59"/>
      <c r="K50" s="132"/>
      <c r="L50" s="33"/>
      <c r="M50" s="133"/>
      <c r="N50" s="60"/>
      <c r="O50" s="61"/>
      <c r="P50" s="186"/>
      <c r="Q50" s="179"/>
      <c r="R50" s="33"/>
      <c r="S50" s="61" t="s">
        <v>710</v>
      </c>
      <c r="T50" s="134" t="s">
        <v>711</v>
      </c>
      <c r="U50" s="61"/>
      <c r="V50" s="59" t="s">
        <v>30</v>
      </c>
      <c r="W50" s="60" t="s">
        <v>30</v>
      </c>
      <c r="X50" s="60" t="s">
        <v>30</v>
      </c>
      <c r="Y50" s="60" t="s">
        <v>712</v>
      </c>
      <c r="Z50" s="135"/>
      <c r="AA50" s="27"/>
      <c r="AB50" s="27"/>
      <c r="AC50" s="27"/>
      <c r="AD50" s="28"/>
      <c r="AE50" s="29"/>
      <c r="AF50" s="29"/>
      <c r="AG50" s="29"/>
      <c r="AH50" s="27"/>
      <c r="AI50" s="27"/>
      <c r="AJ50" s="27"/>
      <c r="AK50" s="27"/>
      <c r="AL50" s="28"/>
      <c r="AM50" s="29"/>
      <c r="AN50" s="29"/>
      <c r="AO50" s="30"/>
    </row>
    <row r="51" spans="1:41" s="46" customFormat="1" ht="9.75" customHeight="1">
      <c r="A51" s="57"/>
      <c r="B51" s="131"/>
      <c r="C51" s="33"/>
      <c r="D51" s="131"/>
      <c r="E51" s="33"/>
      <c r="F51" s="58"/>
      <c r="G51" s="33"/>
      <c r="H51" s="59"/>
      <c r="I51" s="33"/>
      <c r="J51" s="59"/>
      <c r="K51" s="132"/>
      <c r="L51" s="33"/>
      <c r="M51" s="133"/>
      <c r="N51" s="60"/>
      <c r="O51" s="61"/>
      <c r="P51" s="187"/>
      <c r="Q51" s="180"/>
      <c r="R51" s="33"/>
      <c r="S51" s="61"/>
      <c r="T51" s="134"/>
      <c r="U51" s="61"/>
      <c r="V51" s="59"/>
      <c r="W51" s="60"/>
      <c r="X51" s="60"/>
      <c r="Y51" s="60"/>
      <c r="Z51" s="135"/>
      <c r="AA51" s="27"/>
      <c r="AB51" s="27"/>
      <c r="AC51" s="27"/>
      <c r="AD51" s="28"/>
      <c r="AE51" s="29"/>
      <c r="AF51" s="29"/>
      <c r="AG51" s="29"/>
      <c r="AH51" s="27"/>
      <c r="AI51" s="27"/>
      <c r="AJ51" s="27"/>
      <c r="AK51" s="27"/>
      <c r="AL51" s="28"/>
      <c r="AM51" s="29"/>
      <c r="AN51" s="29"/>
      <c r="AO51" s="30"/>
    </row>
    <row r="52" spans="1:41" s="46" customFormat="1" ht="9.75" customHeight="1">
      <c r="A52" s="57"/>
      <c r="B52" s="131"/>
      <c r="C52" s="33"/>
      <c r="D52" s="131"/>
      <c r="E52" s="33"/>
      <c r="F52" s="58"/>
      <c r="G52" s="33"/>
      <c r="H52" s="59"/>
      <c r="I52" s="33"/>
      <c r="J52" s="59"/>
      <c r="K52" s="132"/>
      <c r="L52" s="33"/>
      <c r="M52" s="133"/>
      <c r="N52" s="60"/>
      <c r="O52" s="61"/>
      <c r="P52" s="185" t="s">
        <v>145</v>
      </c>
      <c r="Q52" s="188" t="s">
        <v>146</v>
      </c>
      <c r="R52" s="48"/>
      <c r="S52" s="52"/>
      <c r="T52" s="130"/>
      <c r="U52" s="52"/>
      <c r="V52" s="50"/>
      <c r="W52" s="51"/>
      <c r="X52" s="51"/>
      <c r="Y52" s="51"/>
      <c r="Z52" s="122" t="s">
        <v>3</v>
      </c>
      <c r="AA52" s="55"/>
      <c r="AB52" s="55"/>
      <c r="AC52" s="55"/>
      <c r="AD52" s="56"/>
      <c r="AE52" s="19"/>
      <c r="AF52" s="19"/>
      <c r="AG52" s="19"/>
      <c r="AH52" s="55"/>
      <c r="AI52" s="55"/>
      <c r="AJ52" s="55"/>
      <c r="AK52" s="55"/>
      <c r="AL52" s="56"/>
      <c r="AM52" s="19"/>
      <c r="AN52" s="19"/>
      <c r="AO52" s="26"/>
    </row>
    <row r="53" spans="1:41" s="46" customFormat="1" ht="9.75" customHeight="1">
      <c r="A53" s="57"/>
      <c r="B53" s="131"/>
      <c r="C53" s="33"/>
      <c r="D53" s="131"/>
      <c r="E53" s="33"/>
      <c r="F53" s="58"/>
      <c r="G53" s="33"/>
      <c r="H53" s="59"/>
      <c r="I53" s="33"/>
      <c r="J53" s="59"/>
      <c r="K53" s="132"/>
      <c r="L53" s="33"/>
      <c r="M53" s="133"/>
      <c r="N53" s="60"/>
      <c r="O53" s="61"/>
      <c r="P53" s="186"/>
      <c r="Q53" s="179"/>
      <c r="R53" s="33"/>
      <c r="S53" s="61" t="s">
        <v>713</v>
      </c>
      <c r="T53" s="134" t="s">
        <v>30</v>
      </c>
      <c r="U53" s="61"/>
      <c r="V53" s="59" t="s">
        <v>30</v>
      </c>
      <c r="W53" s="60" t="s">
        <v>30</v>
      </c>
      <c r="X53" s="60" t="s">
        <v>30</v>
      </c>
      <c r="Y53" s="60" t="s">
        <v>713</v>
      </c>
      <c r="Z53" s="135"/>
      <c r="AA53" s="27"/>
      <c r="AB53" s="27"/>
      <c r="AC53" s="27"/>
      <c r="AD53" s="28"/>
      <c r="AE53" s="29"/>
      <c r="AF53" s="29"/>
      <c r="AG53" s="29"/>
      <c r="AH53" s="27"/>
      <c r="AI53" s="27"/>
      <c r="AJ53" s="27"/>
      <c r="AK53" s="27"/>
      <c r="AL53" s="28"/>
      <c r="AM53" s="29"/>
      <c r="AN53" s="29"/>
      <c r="AO53" s="30"/>
    </row>
    <row r="54" spans="1:41" s="46" customFormat="1" ht="9.75" customHeight="1">
      <c r="A54" s="57"/>
      <c r="B54" s="131"/>
      <c r="C54" s="64"/>
      <c r="D54" s="136"/>
      <c r="E54" s="64"/>
      <c r="F54" s="65"/>
      <c r="G54" s="64"/>
      <c r="H54" s="66"/>
      <c r="I54" s="64"/>
      <c r="J54" s="66"/>
      <c r="K54" s="137"/>
      <c r="L54" s="64"/>
      <c r="M54" s="138"/>
      <c r="N54" s="67"/>
      <c r="O54" s="68"/>
      <c r="P54" s="187"/>
      <c r="Q54" s="180"/>
      <c r="R54" s="64"/>
      <c r="S54" s="68"/>
      <c r="T54" s="139"/>
      <c r="U54" s="68"/>
      <c r="V54" s="66"/>
      <c r="W54" s="67"/>
      <c r="X54" s="67"/>
      <c r="Y54" s="67"/>
      <c r="Z54" s="140"/>
      <c r="AA54" s="71"/>
      <c r="AB54" s="71"/>
      <c r="AC54" s="71"/>
      <c r="AD54" s="72"/>
      <c r="AE54" s="73"/>
      <c r="AF54" s="73"/>
      <c r="AG54" s="73"/>
      <c r="AH54" s="71"/>
      <c r="AI54" s="71"/>
      <c r="AJ54" s="71"/>
      <c r="AK54" s="71"/>
      <c r="AL54" s="72"/>
      <c r="AM54" s="73"/>
      <c r="AN54" s="73"/>
      <c r="AO54" s="74"/>
    </row>
    <row r="55" spans="1:41" s="46" customFormat="1" ht="9.75" customHeight="1">
      <c r="A55" s="57"/>
      <c r="B55" s="34"/>
      <c r="C55" s="175" t="s">
        <v>52</v>
      </c>
      <c r="D55" s="178" t="s">
        <v>335</v>
      </c>
      <c r="E55" s="48"/>
      <c r="F55" s="49"/>
      <c r="G55" s="48"/>
      <c r="H55" s="50"/>
      <c r="I55" s="48"/>
      <c r="J55" s="50"/>
      <c r="K55" s="128"/>
      <c r="L55" s="48"/>
      <c r="M55" s="129"/>
      <c r="N55" s="51"/>
      <c r="O55" s="52"/>
      <c r="P55" s="52"/>
      <c r="Q55" s="76"/>
      <c r="R55" s="48"/>
      <c r="S55" s="52"/>
      <c r="T55" s="130"/>
      <c r="U55" s="52"/>
      <c r="V55" s="50"/>
      <c r="W55" s="51"/>
      <c r="X55" s="51"/>
      <c r="Y55" s="51"/>
      <c r="Z55" s="122" t="s">
        <v>3</v>
      </c>
      <c r="AA55" s="55"/>
      <c r="AB55" s="55"/>
      <c r="AC55" s="55"/>
      <c r="AD55" s="56"/>
      <c r="AE55" s="19"/>
      <c r="AF55" s="19"/>
      <c r="AG55" s="19"/>
      <c r="AH55" s="55"/>
      <c r="AI55" s="55"/>
      <c r="AJ55" s="55"/>
      <c r="AK55" s="55"/>
      <c r="AL55" s="56"/>
      <c r="AM55" s="19"/>
      <c r="AN55" s="19"/>
      <c r="AO55" s="26"/>
    </row>
    <row r="56" spans="1:41" s="46" customFormat="1" ht="9.75" customHeight="1">
      <c r="A56" s="57"/>
      <c r="B56" s="141"/>
      <c r="C56" s="176"/>
      <c r="D56" s="179"/>
      <c r="E56" s="33"/>
      <c r="F56" s="34"/>
      <c r="G56" s="33"/>
      <c r="H56" s="59" t="s">
        <v>714</v>
      </c>
      <c r="I56" s="33"/>
      <c r="J56" s="59" t="s">
        <v>30</v>
      </c>
      <c r="K56" s="132" t="s">
        <v>30</v>
      </c>
      <c r="L56" s="33"/>
      <c r="M56" s="133" t="s">
        <v>30</v>
      </c>
      <c r="N56" s="60" t="s">
        <v>714</v>
      </c>
      <c r="O56" s="61"/>
      <c r="P56" s="61"/>
      <c r="Q56" s="58"/>
      <c r="R56" s="33"/>
      <c r="S56" s="61"/>
      <c r="T56" s="134" t="s">
        <v>30</v>
      </c>
      <c r="U56" s="61"/>
      <c r="V56" s="59" t="s">
        <v>30</v>
      </c>
      <c r="W56" s="60" t="s">
        <v>30</v>
      </c>
      <c r="X56" s="60" t="s">
        <v>30</v>
      </c>
      <c r="Y56" s="60" t="s">
        <v>714</v>
      </c>
      <c r="Z56" s="135"/>
      <c r="AA56" s="27"/>
      <c r="AB56" s="27"/>
      <c r="AC56" s="27"/>
      <c r="AD56" s="28"/>
      <c r="AE56" s="29"/>
      <c r="AF56" s="29"/>
      <c r="AG56" s="29"/>
      <c r="AH56" s="27"/>
      <c r="AI56" s="27"/>
      <c r="AJ56" s="27"/>
      <c r="AK56" s="27"/>
      <c r="AL56" s="28"/>
      <c r="AM56" s="29"/>
      <c r="AN56" s="29"/>
      <c r="AO56" s="30"/>
    </row>
    <row r="57" spans="1:41" s="46" customFormat="1" ht="9.75" customHeight="1">
      <c r="A57" s="57"/>
      <c r="B57" s="141"/>
      <c r="C57" s="176"/>
      <c r="D57" s="179"/>
      <c r="E57" s="33"/>
      <c r="F57" s="34"/>
      <c r="G57" s="33"/>
      <c r="H57" s="59"/>
      <c r="I57" s="33"/>
      <c r="J57" s="59"/>
      <c r="K57" s="132"/>
      <c r="L57" s="33"/>
      <c r="M57" s="133"/>
      <c r="N57" s="60"/>
      <c r="O57" s="61"/>
      <c r="P57" s="61"/>
      <c r="Q57" s="58"/>
      <c r="R57" s="33"/>
      <c r="S57" s="61"/>
      <c r="T57" s="134"/>
      <c r="U57" s="61"/>
      <c r="V57" s="59"/>
      <c r="W57" s="60"/>
      <c r="X57" s="60"/>
      <c r="Y57" s="60"/>
      <c r="Z57" s="135"/>
      <c r="AA57" s="27"/>
      <c r="AB57" s="27"/>
      <c r="AC57" s="27"/>
      <c r="AD57" s="28"/>
      <c r="AE57" s="29"/>
      <c r="AF57" s="29"/>
      <c r="AG57" s="29"/>
      <c r="AH57" s="27"/>
      <c r="AI57" s="27"/>
      <c r="AJ57" s="27"/>
      <c r="AK57" s="27"/>
      <c r="AL57" s="28"/>
      <c r="AM57" s="29"/>
      <c r="AN57" s="29"/>
      <c r="AO57" s="30"/>
    </row>
    <row r="58" spans="1:41" s="46" customFormat="1" ht="9.75" customHeight="1">
      <c r="A58" s="57"/>
      <c r="B58" s="131"/>
      <c r="C58" s="33"/>
      <c r="D58" s="34"/>
      <c r="E58" s="175" t="s">
        <v>21</v>
      </c>
      <c r="F58" s="178" t="s">
        <v>335</v>
      </c>
      <c r="G58" s="48"/>
      <c r="H58" s="50"/>
      <c r="I58" s="48"/>
      <c r="J58" s="50"/>
      <c r="K58" s="128"/>
      <c r="L58" s="48"/>
      <c r="M58" s="129"/>
      <c r="N58" s="51"/>
      <c r="O58" s="52"/>
      <c r="P58" s="52"/>
      <c r="Q58" s="76"/>
      <c r="R58" s="48"/>
      <c r="S58" s="52"/>
      <c r="T58" s="130"/>
      <c r="U58" s="52"/>
      <c r="V58" s="50"/>
      <c r="W58" s="51"/>
      <c r="X58" s="51"/>
      <c r="Y58" s="51"/>
      <c r="Z58" s="122" t="s">
        <v>3</v>
      </c>
      <c r="AA58" s="55"/>
      <c r="AB58" s="55"/>
      <c r="AC58" s="55"/>
      <c r="AD58" s="56"/>
      <c r="AE58" s="19"/>
      <c r="AF58" s="19"/>
      <c r="AG58" s="19"/>
      <c r="AH58" s="55"/>
      <c r="AI58" s="55"/>
      <c r="AJ58" s="55"/>
      <c r="AK58" s="55"/>
      <c r="AL58" s="56"/>
      <c r="AM58" s="19"/>
      <c r="AN58" s="19"/>
      <c r="AO58" s="26"/>
    </row>
    <row r="59" spans="1:41" s="46" customFormat="1" ht="9.75" customHeight="1">
      <c r="A59" s="57"/>
      <c r="B59" s="131"/>
      <c r="C59" s="33"/>
      <c r="D59" s="141"/>
      <c r="E59" s="176"/>
      <c r="F59" s="179"/>
      <c r="G59" s="33"/>
      <c r="H59" s="59" t="s">
        <v>714</v>
      </c>
      <c r="I59" s="33"/>
      <c r="J59" s="59" t="s">
        <v>30</v>
      </c>
      <c r="K59" s="132" t="s">
        <v>30</v>
      </c>
      <c r="L59" s="33"/>
      <c r="M59" s="133" t="s">
        <v>30</v>
      </c>
      <c r="N59" s="60" t="s">
        <v>714</v>
      </c>
      <c r="O59" s="61"/>
      <c r="P59" s="61"/>
      <c r="Q59" s="34"/>
      <c r="R59" s="33"/>
      <c r="S59" s="61"/>
      <c r="T59" s="134" t="s">
        <v>30</v>
      </c>
      <c r="U59" s="61"/>
      <c r="V59" s="59" t="s">
        <v>30</v>
      </c>
      <c r="W59" s="60" t="s">
        <v>30</v>
      </c>
      <c r="X59" s="60" t="s">
        <v>30</v>
      </c>
      <c r="Y59" s="60" t="s">
        <v>714</v>
      </c>
      <c r="Z59" s="135"/>
      <c r="AA59" s="27"/>
      <c r="AB59" s="27"/>
      <c r="AC59" s="27"/>
      <c r="AD59" s="28"/>
      <c r="AE59" s="29"/>
      <c r="AF59" s="29"/>
      <c r="AG59" s="29"/>
      <c r="AH59" s="27"/>
      <c r="AI59" s="27"/>
      <c r="AJ59" s="27"/>
      <c r="AK59" s="27"/>
      <c r="AL59" s="28"/>
      <c r="AM59" s="29"/>
      <c r="AN59" s="29"/>
      <c r="AO59" s="30"/>
    </row>
    <row r="60" spans="1:41" s="46" customFormat="1" ht="9.75" customHeight="1">
      <c r="A60" s="57"/>
      <c r="B60" s="131"/>
      <c r="C60" s="33"/>
      <c r="D60" s="141"/>
      <c r="E60" s="177"/>
      <c r="F60" s="180"/>
      <c r="G60" s="33"/>
      <c r="H60" s="59"/>
      <c r="I60" s="33"/>
      <c r="J60" s="59"/>
      <c r="K60" s="132"/>
      <c r="L60" s="33"/>
      <c r="M60" s="133"/>
      <c r="N60" s="60"/>
      <c r="O60" s="61"/>
      <c r="P60" s="61"/>
      <c r="Q60" s="34"/>
      <c r="R60" s="33"/>
      <c r="S60" s="61"/>
      <c r="T60" s="134"/>
      <c r="U60" s="61"/>
      <c r="V60" s="59"/>
      <c r="W60" s="60"/>
      <c r="X60" s="60"/>
      <c r="Y60" s="60"/>
      <c r="Z60" s="135"/>
      <c r="AA60" s="27"/>
      <c r="AB60" s="27"/>
      <c r="AC60" s="27"/>
      <c r="AD60" s="28"/>
      <c r="AE60" s="29"/>
      <c r="AF60" s="29"/>
      <c r="AG60" s="29"/>
      <c r="AH60" s="27"/>
      <c r="AI60" s="27"/>
      <c r="AJ60" s="27"/>
      <c r="AK60" s="27"/>
      <c r="AL60" s="28"/>
      <c r="AM60" s="29"/>
      <c r="AN60" s="29"/>
      <c r="AO60" s="30"/>
    </row>
    <row r="61" spans="1:41" s="46" customFormat="1" ht="9.75" customHeight="1">
      <c r="A61" s="80"/>
      <c r="B61" s="142"/>
      <c r="C61" s="52"/>
      <c r="D61" s="142"/>
      <c r="E61" s="52"/>
      <c r="F61" s="76"/>
      <c r="G61" s="82"/>
      <c r="H61" s="83"/>
      <c r="I61" s="82"/>
      <c r="J61" s="83"/>
      <c r="K61" s="143"/>
      <c r="L61" s="82"/>
      <c r="M61" s="144"/>
      <c r="N61" s="84"/>
      <c r="O61" s="85"/>
      <c r="P61" s="85"/>
      <c r="Q61" s="86"/>
      <c r="R61" s="82"/>
      <c r="S61" s="85"/>
      <c r="T61" s="145"/>
      <c r="U61" s="85"/>
      <c r="V61" s="83"/>
      <c r="W61" s="84"/>
      <c r="X61" s="84"/>
      <c r="Y61" s="84"/>
      <c r="Z61" s="146" t="s">
        <v>3</v>
      </c>
      <c r="AA61" s="89"/>
      <c r="AB61" s="89"/>
      <c r="AC61" s="89"/>
      <c r="AD61" s="90"/>
      <c r="AE61" s="91"/>
      <c r="AF61" s="91"/>
      <c r="AG61" s="91"/>
      <c r="AH61" s="89"/>
      <c r="AI61" s="89"/>
      <c r="AJ61" s="89"/>
      <c r="AK61" s="89"/>
      <c r="AL61" s="90"/>
      <c r="AM61" s="91"/>
      <c r="AN61" s="91"/>
      <c r="AO61" s="92"/>
    </row>
    <row r="62" spans="1:41" s="46" customFormat="1" ht="9.75" customHeight="1">
      <c r="A62" s="181" t="s">
        <v>129</v>
      </c>
      <c r="B62" s="182"/>
      <c r="C62" s="183"/>
      <c r="D62" s="183"/>
      <c r="E62" s="183"/>
      <c r="F62" s="184"/>
      <c r="G62" s="230" t="s">
        <v>654</v>
      </c>
      <c r="H62" s="231"/>
      <c r="I62" s="35"/>
      <c r="J62" s="36" t="s">
        <v>30</v>
      </c>
      <c r="K62" s="37" t="s">
        <v>30</v>
      </c>
      <c r="L62" s="35"/>
      <c r="M62" s="36" t="s">
        <v>30</v>
      </c>
      <c r="N62" s="124" t="s">
        <v>654</v>
      </c>
      <c r="O62" s="147"/>
      <c r="P62" s="38"/>
      <c r="Q62" s="39"/>
      <c r="R62" s="35"/>
      <c r="S62" s="38"/>
      <c r="T62" s="148" t="s">
        <v>680</v>
      </c>
      <c r="U62" s="38"/>
      <c r="V62" s="36" t="s">
        <v>30</v>
      </c>
      <c r="W62" s="37" t="s">
        <v>30</v>
      </c>
      <c r="X62" s="36" t="s">
        <v>30</v>
      </c>
      <c r="Y62" s="37" t="s">
        <v>681</v>
      </c>
      <c r="Z62" s="149"/>
      <c r="AA62" s="43"/>
      <c r="AB62" s="43"/>
      <c r="AC62" s="43"/>
      <c r="AD62" s="43"/>
      <c r="AE62" s="44"/>
      <c r="AF62" s="44"/>
      <c r="AG62" s="44"/>
      <c r="AH62" s="42"/>
      <c r="AI62" s="42"/>
      <c r="AJ62" s="42"/>
      <c r="AK62" s="42"/>
      <c r="AL62" s="43"/>
      <c r="AM62" s="43"/>
      <c r="AN62" s="43"/>
      <c r="AO62" s="45"/>
    </row>
    <row r="63" spans="1:41" s="46" customFormat="1" ht="9.75" customHeight="1">
      <c r="A63" s="93"/>
      <c r="B63" s="150"/>
      <c r="C63" s="98"/>
      <c r="D63" s="150"/>
      <c r="E63" s="98"/>
      <c r="F63" s="99"/>
      <c r="G63" s="95"/>
      <c r="H63" s="96"/>
      <c r="I63" s="95"/>
      <c r="J63" s="96"/>
      <c r="K63" s="151"/>
      <c r="L63" s="95"/>
      <c r="M63" s="152"/>
      <c r="N63" s="97"/>
      <c r="O63" s="98"/>
      <c r="P63" s="98"/>
      <c r="Q63" s="99"/>
      <c r="R63" s="95"/>
      <c r="S63" s="98"/>
      <c r="T63" s="153"/>
      <c r="U63" s="98"/>
      <c r="V63" s="96"/>
      <c r="W63" s="97"/>
      <c r="X63" s="97"/>
      <c r="Y63" s="97"/>
      <c r="Z63" s="154"/>
      <c r="AA63" s="102"/>
      <c r="AB63" s="102"/>
      <c r="AC63" s="102"/>
      <c r="AD63" s="103"/>
      <c r="AE63" s="104"/>
      <c r="AF63" s="104"/>
      <c r="AG63" s="104"/>
      <c r="AH63" s="102"/>
      <c r="AI63" s="102"/>
      <c r="AJ63" s="102"/>
      <c r="AK63" s="102"/>
      <c r="AL63" s="103"/>
      <c r="AM63" s="104"/>
      <c r="AN63" s="104"/>
      <c r="AO63" s="155"/>
    </row>
    <row r="64" spans="1:41" ht="9.75" customHeight="1">
      <c r="A64" s="105"/>
      <c r="B64" s="106"/>
      <c r="C64" s="106"/>
      <c r="D64" s="106"/>
      <c r="E64" s="106"/>
      <c r="F64" s="106"/>
      <c r="G64" s="106"/>
      <c r="H64" s="106"/>
      <c r="I64" s="106"/>
      <c r="J64" s="106"/>
      <c r="K64" s="106"/>
      <c r="L64" s="106"/>
      <c r="M64" s="106"/>
      <c r="N64" s="106"/>
      <c r="O64" s="106"/>
      <c r="P64" s="106"/>
      <c r="Q64" s="106"/>
      <c r="R64" s="106"/>
      <c r="S64" s="106"/>
      <c r="T64" s="106"/>
      <c r="U64" s="106"/>
      <c r="V64" s="106"/>
      <c r="W64" s="106"/>
      <c r="X64" s="106"/>
      <c r="Y64" s="106"/>
      <c r="Z64" s="107"/>
      <c r="AA64" s="107"/>
      <c r="AB64" s="107"/>
      <c r="AC64" s="107"/>
      <c r="AD64" s="107"/>
      <c r="AE64" s="107"/>
      <c r="AF64" s="107"/>
      <c r="AG64" s="107"/>
      <c r="AH64" s="107"/>
      <c r="AI64" s="107"/>
      <c r="AJ64" s="107"/>
      <c r="AK64" s="107"/>
      <c r="AL64" s="107"/>
      <c r="AM64" s="107"/>
      <c r="AN64" s="107"/>
      <c r="AO64" s="108"/>
    </row>
    <row r="65" spans="1:41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0"/>
      <c r="AN65" s="110"/>
      <c r="AO65" s="111"/>
    </row>
    <row r="66" spans="1:41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1"/>
    </row>
    <row r="67" spans="1:41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0"/>
      <c r="AN67" s="110"/>
      <c r="AO67" s="111"/>
    </row>
    <row r="68" spans="1:41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1"/>
    </row>
    <row r="69" spans="1:41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0"/>
      <c r="AN69" s="110"/>
      <c r="AO69" s="111"/>
    </row>
    <row r="70" spans="1:41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0"/>
      <c r="AN70" s="110"/>
      <c r="AO70" s="111"/>
    </row>
    <row r="71" spans="1:41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1"/>
    </row>
    <row r="72" spans="1:41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1"/>
    </row>
    <row r="73" spans="1:41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0"/>
      <c r="AN73" s="110"/>
      <c r="AO73" s="111"/>
    </row>
    <row r="74" spans="1:41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0"/>
      <c r="AN74" s="110"/>
      <c r="AO74" s="111"/>
    </row>
    <row r="75" spans="1:41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1"/>
    </row>
    <row r="76" spans="1:41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0"/>
      <c r="AN76" s="110"/>
      <c r="AO76" s="111"/>
    </row>
    <row r="77" spans="1:41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0"/>
      <c r="AN77" s="110"/>
      <c r="AO77" s="111"/>
    </row>
    <row r="78" spans="1:41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0"/>
      <c r="AN78" s="110"/>
      <c r="AO78" s="111"/>
    </row>
    <row r="79" spans="1:41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1"/>
    </row>
    <row r="80" spans="1:41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1"/>
    </row>
    <row r="81" spans="1:41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0"/>
      <c r="AN81" s="110"/>
      <c r="AO81" s="111"/>
    </row>
    <row r="82" spans="1:41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0"/>
      <c r="AN82" s="110"/>
      <c r="AO82" s="111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57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C22:C24"/>
    <mergeCell ref="D22:D24"/>
    <mergeCell ref="E25:E27"/>
    <mergeCell ref="F25:F27"/>
    <mergeCell ref="P28:P30"/>
    <mergeCell ref="Q28:Q30"/>
    <mergeCell ref="P31:P33"/>
    <mergeCell ref="Q31:Q33"/>
    <mergeCell ref="P34:P36"/>
    <mergeCell ref="Q34:Q36"/>
    <mergeCell ref="P37:P39"/>
    <mergeCell ref="Q37:Q39"/>
    <mergeCell ref="P40:P42"/>
    <mergeCell ref="Q40:Q42"/>
    <mergeCell ref="P43:P45"/>
    <mergeCell ref="Q43:Q45"/>
    <mergeCell ref="P46:P48"/>
    <mergeCell ref="Q46:Q48"/>
    <mergeCell ref="P49:P51"/>
    <mergeCell ref="Q49:Q51"/>
    <mergeCell ref="A62:F62"/>
    <mergeCell ref="G62:H62"/>
    <mergeCell ref="P52:P54"/>
    <mergeCell ref="Q52:Q54"/>
    <mergeCell ref="C55:C57"/>
    <mergeCell ref="D55:D57"/>
    <mergeCell ref="E58:E60"/>
    <mergeCell ref="F58:F60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715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716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194" t="s">
        <v>717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718</v>
      </c>
      <c r="I12" s="35"/>
      <c r="J12" s="36" t="s">
        <v>719</v>
      </c>
      <c r="K12" s="37" t="s">
        <v>30</v>
      </c>
      <c r="L12" s="37" t="s">
        <v>720</v>
      </c>
      <c r="M12" s="38"/>
      <c r="N12" s="38"/>
      <c r="O12" s="39"/>
      <c r="P12" s="35"/>
      <c r="Q12" s="36"/>
      <c r="R12" s="35" t="s">
        <v>721</v>
      </c>
      <c r="S12" s="40"/>
      <c r="T12" s="41" t="s">
        <v>721</v>
      </c>
      <c r="U12" s="36" t="s">
        <v>30</v>
      </c>
      <c r="V12" s="35"/>
      <c r="W12" s="36" t="s">
        <v>3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88" t="s">
        <v>722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723</v>
      </c>
      <c r="I15" s="33"/>
      <c r="J15" s="59" t="s">
        <v>30</v>
      </c>
      <c r="K15" s="60" t="s">
        <v>30</v>
      </c>
      <c r="L15" s="60" t="s">
        <v>723</v>
      </c>
      <c r="M15" s="61"/>
      <c r="N15" s="61"/>
      <c r="O15" s="34"/>
      <c r="P15" s="33"/>
      <c r="Q15" s="59"/>
      <c r="R15" s="33" t="s">
        <v>724</v>
      </c>
      <c r="S15" s="62"/>
      <c r="T15" s="63" t="s">
        <v>724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725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723</v>
      </c>
      <c r="I18" s="33"/>
      <c r="J18" s="59" t="s">
        <v>30</v>
      </c>
      <c r="K18" s="60" t="s">
        <v>30</v>
      </c>
      <c r="L18" s="60" t="s">
        <v>723</v>
      </c>
      <c r="M18" s="61"/>
      <c r="N18" s="61"/>
      <c r="O18" s="34"/>
      <c r="P18" s="33"/>
      <c r="Q18" s="59"/>
      <c r="R18" s="33" t="s">
        <v>724</v>
      </c>
      <c r="S18" s="62"/>
      <c r="T18" s="63" t="s">
        <v>724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88" t="s">
        <v>726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723</v>
      </c>
      <c r="R21" s="33" t="s">
        <v>724</v>
      </c>
      <c r="S21" s="62"/>
      <c r="T21" s="63" t="s">
        <v>724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80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47"/>
      <c r="B23" s="75"/>
      <c r="C23" s="175" t="s">
        <v>36</v>
      </c>
      <c r="D23" s="178" t="s">
        <v>287</v>
      </c>
      <c r="E23" s="48"/>
      <c r="F23" s="49"/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176"/>
      <c r="D24" s="179"/>
      <c r="E24" s="33"/>
      <c r="F24" s="34"/>
      <c r="G24" s="33"/>
      <c r="H24" s="59" t="s">
        <v>727</v>
      </c>
      <c r="I24" s="33"/>
      <c r="J24" s="59" t="s">
        <v>728</v>
      </c>
      <c r="K24" s="60" t="s">
        <v>30</v>
      </c>
      <c r="L24" s="60" t="s">
        <v>729</v>
      </c>
      <c r="M24" s="61"/>
      <c r="N24" s="61"/>
      <c r="O24" s="58"/>
      <c r="P24" s="33"/>
      <c r="Q24" s="59"/>
      <c r="R24" s="33" t="s">
        <v>730</v>
      </c>
      <c r="S24" s="62"/>
      <c r="T24" s="63" t="s">
        <v>730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176"/>
      <c r="D25" s="179"/>
      <c r="E25" s="33"/>
      <c r="F25" s="34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175" t="s">
        <v>21</v>
      </c>
      <c r="F26" s="178" t="s">
        <v>289</v>
      </c>
      <c r="G26" s="48"/>
      <c r="H26" s="50"/>
      <c r="I26" s="48"/>
      <c r="J26" s="50"/>
      <c r="K26" s="51"/>
      <c r="L26" s="51"/>
      <c r="M26" s="52"/>
      <c r="N26" s="52"/>
      <c r="O26" s="49"/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176"/>
      <c r="F27" s="179"/>
      <c r="G27" s="33"/>
      <c r="H27" s="59" t="s">
        <v>731</v>
      </c>
      <c r="I27" s="33"/>
      <c r="J27" s="59" t="s">
        <v>732</v>
      </c>
      <c r="K27" s="60" t="s">
        <v>30</v>
      </c>
      <c r="L27" s="60" t="s">
        <v>733</v>
      </c>
      <c r="M27" s="61"/>
      <c r="N27" s="61"/>
      <c r="O27" s="34"/>
      <c r="P27" s="33"/>
      <c r="Q27" s="59"/>
      <c r="R27" s="33" t="s">
        <v>734</v>
      </c>
      <c r="S27" s="62"/>
      <c r="T27" s="63" t="s">
        <v>734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33"/>
      <c r="D28" s="34"/>
      <c r="E28" s="176"/>
      <c r="F28" s="179"/>
      <c r="G28" s="33"/>
      <c r="H28" s="59"/>
      <c r="I28" s="33"/>
      <c r="J28" s="59"/>
      <c r="K28" s="60"/>
      <c r="L28" s="60"/>
      <c r="M28" s="61"/>
      <c r="N28" s="61"/>
      <c r="O28" s="34"/>
      <c r="P28" s="33"/>
      <c r="Q28" s="59"/>
      <c r="R28" s="33"/>
      <c r="S28" s="62"/>
      <c r="T28" s="63"/>
      <c r="U28" s="59"/>
      <c r="V28" s="33"/>
      <c r="W28" s="59"/>
      <c r="X28" s="27"/>
      <c r="Y28" s="27"/>
      <c r="Z28" s="27"/>
      <c r="AA28" s="27"/>
      <c r="AB28" s="28"/>
      <c r="AC28" s="28"/>
      <c r="AD28" s="28"/>
      <c r="AE28" s="28"/>
      <c r="AF28" s="28"/>
      <c r="AG28" s="28"/>
      <c r="AH28" s="28"/>
      <c r="AI28" s="28"/>
      <c r="AJ28" s="28"/>
      <c r="AK28" s="29"/>
      <c r="AL28" s="29"/>
      <c r="AM28" s="30"/>
    </row>
    <row r="29" spans="1:39" s="46" customFormat="1" ht="9.75" customHeight="1">
      <c r="A29" s="57"/>
      <c r="B29" s="58"/>
      <c r="C29" s="33"/>
      <c r="D29" s="58"/>
      <c r="E29" s="33"/>
      <c r="F29" s="34"/>
      <c r="G29" s="33"/>
      <c r="H29" s="59"/>
      <c r="I29" s="33"/>
      <c r="J29" s="59"/>
      <c r="K29" s="60"/>
      <c r="L29" s="60"/>
      <c r="M29" s="61"/>
      <c r="N29" s="185" t="s">
        <v>21</v>
      </c>
      <c r="O29" s="188" t="s">
        <v>735</v>
      </c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57"/>
      <c r="B30" s="58"/>
      <c r="C30" s="33"/>
      <c r="D30" s="58"/>
      <c r="E30" s="33"/>
      <c r="F30" s="34"/>
      <c r="G30" s="33"/>
      <c r="H30" s="59"/>
      <c r="I30" s="33"/>
      <c r="J30" s="59"/>
      <c r="K30" s="60"/>
      <c r="L30" s="60"/>
      <c r="M30" s="61"/>
      <c r="N30" s="186"/>
      <c r="O30" s="179"/>
      <c r="P30" s="33"/>
      <c r="Q30" s="59" t="s">
        <v>736</v>
      </c>
      <c r="R30" s="33" t="s">
        <v>737</v>
      </c>
      <c r="S30" s="62"/>
      <c r="T30" s="63" t="s">
        <v>737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57"/>
      <c r="B31" s="58"/>
      <c r="C31" s="33"/>
      <c r="D31" s="58"/>
      <c r="E31" s="33"/>
      <c r="F31" s="34"/>
      <c r="G31" s="33"/>
      <c r="H31" s="59"/>
      <c r="I31" s="33"/>
      <c r="J31" s="59"/>
      <c r="K31" s="60"/>
      <c r="L31" s="60"/>
      <c r="M31" s="61"/>
      <c r="N31" s="187"/>
      <c r="O31" s="180"/>
      <c r="P31" s="33"/>
      <c r="Q31" s="59"/>
      <c r="R31" s="33"/>
      <c r="S31" s="62"/>
      <c r="T31" s="63"/>
      <c r="U31" s="59"/>
      <c r="V31" s="33"/>
      <c r="W31" s="59"/>
      <c r="X31" s="27"/>
      <c r="Y31" s="27"/>
      <c r="Z31" s="27"/>
      <c r="AA31" s="27"/>
      <c r="AB31" s="28"/>
      <c r="AC31" s="28"/>
      <c r="AD31" s="28"/>
      <c r="AE31" s="28"/>
      <c r="AF31" s="28"/>
      <c r="AG31" s="28"/>
      <c r="AH31" s="28"/>
      <c r="AI31" s="28"/>
      <c r="AJ31" s="28"/>
      <c r="AK31" s="29"/>
      <c r="AL31" s="29"/>
      <c r="AM31" s="30"/>
    </row>
    <row r="32" spans="1:39" s="46" customFormat="1" ht="9.75" customHeight="1">
      <c r="A32" s="57"/>
      <c r="B32" s="58"/>
      <c r="C32" s="33"/>
      <c r="D32" s="58"/>
      <c r="E32" s="33"/>
      <c r="F32" s="58"/>
      <c r="G32" s="33"/>
      <c r="H32" s="59"/>
      <c r="I32" s="33"/>
      <c r="J32" s="59"/>
      <c r="K32" s="60"/>
      <c r="L32" s="60"/>
      <c r="M32" s="61"/>
      <c r="N32" s="185" t="s">
        <v>36</v>
      </c>
      <c r="O32" s="188" t="s">
        <v>738</v>
      </c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57"/>
      <c r="B33" s="58"/>
      <c r="C33" s="33"/>
      <c r="D33" s="58"/>
      <c r="E33" s="33"/>
      <c r="F33" s="58"/>
      <c r="G33" s="33"/>
      <c r="H33" s="59"/>
      <c r="I33" s="33"/>
      <c r="J33" s="59"/>
      <c r="K33" s="60"/>
      <c r="L33" s="60"/>
      <c r="M33" s="61"/>
      <c r="N33" s="186"/>
      <c r="O33" s="179"/>
      <c r="P33" s="33"/>
      <c r="Q33" s="59" t="s">
        <v>739</v>
      </c>
      <c r="R33" s="33" t="s">
        <v>740</v>
      </c>
      <c r="S33" s="62"/>
      <c r="T33" s="63" t="s">
        <v>740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57"/>
      <c r="B34" s="58"/>
      <c r="C34" s="33"/>
      <c r="D34" s="58"/>
      <c r="E34" s="33"/>
      <c r="F34" s="58"/>
      <c r="G34" s="33"/>
      <c r="H34" s="59"/>
      <c r="I34" s="33"/>
      <c r="J34" s="59"/>
      <c r="K34" s="60"/>
      <c r="L34" s="60"/>
      <c r="M34" s="61"/>
      <c r="N34" s="187"/>
      <c r="O34" s="180"/>
      <c r="P34" s="33"/>
      <c r="Q34" s="59"/>
      <c r="R34" s="33"/>
      <c r="S34" s="62"/>
      <c r="T34" s="63"/>
      <c r="U34" s="59"/>
      <c r="V34" s="33"/>
      <c r="W34" s="59"/>
      <c r="X34" s="27"/>
      <c r="Y34" s="27"/>
      <c r="Z34" s="27"/>
      <c r="AA34" s="27"/>
      <c r="AB34" s="28"/>
      <c r="AC34" s="28"/>
      <c r="AD34" s="28"/>
      <c r="AE34" s="28"/>
      <c r="AF34" s="28"/>
      <c r="AG34" s="28"/>
      <c r="AH34" s="28"/>
      <c r="AI34" s="28"/>
      <c r="AJ34" s="28"/>
      <c r="AK34" s="29"/>
      <c r="AL34" s="29"/>
      <c r="AM34" s="30"/>
    </row>
    <row r="35" spans="1:39" s="46" customFormat="1" ht="9.75" customHeight="1">
      <c r="A35" s="57"/>
      <c r="B35" s="58"/>
      <c r="C35" s="33"/>
      <c r="D35" s="58"/>
      <c r="E35" s="33"/>
      <c r="F35" s="58"/>
      <c r="G35" s="33"/>
      <c r="H35" s="59"/>
      <c r="I35" s="33"/>
      <c r="J35" s="59"/>
      <c r="K35" s="60"/>
      <c r="L35" s="60"/>
      <c r="M35" s="61"/>
      <c r="N35" s="185" t="s">
        <v>52</v>
      </c>
      <c r="O35" s="189" t="s">
        <v>741</v>
      </c>
      <c r="P35" s="48"/>
      <c r="Q35" s="50"/>
      <c r="R35" s="48"/>
      <c r="S35" s="53"/>
      <c r="T35" s="54"/>
      <c r="U35" s="50"/>
      <c r="V35" s="48"/>
      <c r="W35" s="50"/>
      <c r="X35" s="55" t="s">
        <v>3</v>
      </c>
      <c r="Y35" s="55"/>
      <c r="Z35" s="55"/>
      <c r="AA35" s="55"/>
      <c r="AB35" s="56"/>
      <c r="AC35" s="56"/>
      <c r="AD35" s="56"/>
      <c r="AE35" s="56"/>
      <c r="AF35" s="56"/>
      <c r="AG35" s="56"/>
      <c r="AH35" s="56"/>
      <c r="AI35" s="56"/>
      <c r="AJ35" s="56"/>
      <c r="AK35" s="19"/>
      <c r="AL35" s="19"/>
      <c r="AM35" s="26"/>
    </row>
    <row r="36" spans="1:39" s="46" customFormat="1" ht="9.75" customHeight="1">
      <c r="A36" s="57"/>
      <c r="B36" s="58"/>
      <c r="C36" s="33"/>
      <c r="D36" s="58"/>
      <c r="E36" s="33"/>
      <c r="F36" s="58"/>
      <c r="G36" s="33"/>
      <c r="H36" s="59"/>
      <c r="I36" s="33"/>
      <c r="J36" s="59"/>
      <c r="K36" s="60"/>
      <c r="L36" s="60"/>
      <c r="M36" s="61"/>
      <c r="N36" s="186"/>
      <c r="O36" s="190"/>
      <c r="P36" s="33"/>
      <c r="Q36" s="59" t="s">
        <v>742</v>
      </c>
      <c r="R36" s="33" t="s">
        <v>742</v>
      </c>
      <c r="S36" s="62"/>
      <c r="T36" s="63" t="s">
        <v>742</v>
      </c>
      <c r="U36" s="59" t="s">
        <v>30</v>
      </c>
      <c r="V36" s="33"/>
      <c r="W36" s="59" t="s">
        <v>30</v>
      </c>
      <c r="X36" s="27"/>
      <c r="Y36" s="27"/>
      <c r="Z36" s="27"/>
      <c r="AA36" s="27"/>
      <c r="AB36" s="28"/>
      <c r="AC36" s="28"/>
      <c r="AD36" s="28"/>
      <c r="AE36" s="28"/>
      <c r="AF36" s="28"/>
      <c r="AG36" s="28"/>
      <c r="AH36" s="28"/>
      <c r="AI36" s="28"/>
      <c r="AJ36" s="28"/>
      <c r="AK36" s="29"/>
      <c r="AL36" s="29"/>
      <c r="AM36" s="30"/>
    </row>
    <row r="37" spans="1:39" s="46" customFormat="1" ht="9.75" customHeight="1">
      <c r="A37" s="57"/>
      <c r="B37" s="58"/>
      <c r="C37" s="33"/>
      <c r="D37" s="58"/>
      <c r="E37" s="33"/>
      <c r="F37" s="58"/>
      <c r="G37" s="33"/>
      <c r="H37" s="59"/>
      <c r="I37" s="33"/>
      <c r="J37" s="59"/>
      <c r="K37" s="60"/>
      <c r="L37" s="60"/>
      <c r="M37" s="61"/>
      <c r="N37" s="187"/>
      <c r="O37" s="191"/>
      <c r="P37" s="33"/>
      <c r="Q37" s="59"/>
      <c r="R37" s="33"/>
      <c r="S37" s="62"/>
      <c r="T37" s="63"/>
      <c r="U37" s="59"/>
      <c r="V37" s="33"/>
      <c r="W37" s="59"/>
      <c r="X37" s="27"/>
      <c r="Y37" s="27"/>
      <c r="Z37" s="27"/>
      <c r="AA37" s="27"/>
      <c r="AB37" s="28"/>
      <c r="AC37" s="28"/>
      <c r="AD37" s="28"/>
      <c r="AE37" s="28"/>
      <c r="AF37" s="28"/>
      <c r="AG37" s="28"/>
      <c r="AH37" s="28"/>
      <c r="AI37" s="28"/>
      <c r="AJ37" s="28"/>
      <c r="AK37" s="29"/>
      <c r="AL37" s="29"/>
      <c r="AM37" s="30"/>
    </row>
    <row r="38" spans="1:39" s="46" customFormat="1" ht="9.75" customHeight="1">
      <c r="A38" s="57"/>
      <c r="B38" s="58"/>
      <c r="C38" s="33"/>
      <c r="D38" s="58"/>
      <c r="E38" s="33"/>
      <c r="F38" s="58"/>
      <c r="G38" s="33"/>
      <c r="H38" s="59"/>
      <c r="I38" s="33"/>
      <c r="J38" s="59"/>
      <c r="K38" s="60"/>
      <c r="L38" s="60"/>
      <c r="M38" s="61"/>
      <c r="N38" s="185" t="s">
        <v>57</v>
      </c>
      <c r="O38" s="189" t="s">
        <v>743</v>
      </c>
      <c r="P38" s="48"/>
      <c r="Q38" s="50"/>
      <c r="R38" s="48"/>
      <c r="S38" s="53"/>
      <c r="T38" s="54"/>
      <c r="U38" s="50"/>
      <c r="V38" s="48"/>
      <c r="W38" s="50"/>
      <c r="X38" s="55" t="s">
        <v>3</v>
      </c>
      <c r="Y38" s="55"/>
      <c r="Z38" s="55"/>
      <c r="AA38" s="55"/>
      <c r="AB38" s="56"/>
      <c r="AC38" s="56"/>
      <c r="AD38" s="56"/>
      <c r="AE38" s="56"/>
      <c r="AF38" s="56"/>
      <c r="AG38" s="56"/>
      <c r="AH38" s="56"/>
      <c r="AI38" s="56"/>
      <c r="AJ38" s="56"/>
      <c r="AK38" s="19"/>
      <c r="AL38" s="19"/>
      <c r="AM38" s="26"/>
    </row>
    <row r="39" spans="1:39" s="46" customFormat="1" ht="9.75" customHeight="1">
      <c r="A39" s="57"/>
      <c r="B39" s="58"/>
      <c r="C39" s="33"/>
      <c r="D39" s="58"/>
      <c r="E39" s="33"/>
      <c r="F39" s="58"/>
      <c r="G39" s="33"/>
      <c r="H39" s="59"/>
      <c r="I39" s="33"/>
      <c r="J39" s="59"/>
      <c r="K39" s="60"/>
      <c r="L39" s="60"/>
      <c r="M39" s="61"/>
      <c r="N39" s="186"/>
      <c r="O39" s="190"/>
      <c r="P39" s="33"/>
      <c r="Q39" s="59" t="s">
        <v>744</v>
      </c>
      <c r="R39" s="33" t="s">
        <v>744</v>
      </c>
      <c r="S39" s="62"/>
      <c r="T39" s="63" t="s">
        <v>744</v>
      </c>
      <c r="U39" s="59" t="s">
        <v>30</v>
      </c>
      <c r="V39" s="33"/>
      <c r="W39" s="59" t="s">
        <v>30</v>
      </c>
      <c r="X39" s="27"/>
      <c r="Y39" s="27"/>
      <c r="Z39" s="27"/>
      <c r="AA39" s="27"/>
      <c r="AB39" s="28"/>
      <c r="AC39" s="28"/>
      <c r="AD39" s="28"/>
      <c r="AE39" s="28"/>
      <c r="AF39" s="28"/>
      <c r="AG39" s="28"/>
      <c r="AH39" s="28"/>
      <c r="AI39" s="28"/>
      <c r="AJ39" s="28"/>
      <c r="AK39" s="29"/>
      <c r="AL39" s="29"/>
      <c r="AM39" s="30"/>
    </row>
    <row r="40" spans="1:39" s="46" customFormat="1" ht="9.75" customHeight="1">
      <c r="A40" s="57"/>
      <c r="B40" s="58"/>
      <c r="C40" s="33"/>
      <c r="D40" s="58"/>
      <c r="E40" s="33"/>
      <c r="F40" s="58"/>
      <c r="G40" s="33"/>
      <c r="H40" s="59"/>
      <c r="I40" s="33"/>
      <c r="J40" s="59"/>
      <c r="K40" s="60"/>
      <c r="L40" s="60"/>
      <c r="M40" s="61"/>
      <c r="N40" s="187"/>
      <c r="O40" s="191"/>
      <c r="P40" s="33"/>
      <c r="Q40" s="59"/>
      <c r="R40" s="33"/>
      <c r="S40" s="62"/>
      <c r="T40" s="63"/>
      <c r="U40" s="59"/>
      <c r="V40" s="33"/>
      <c r="W40" s="59"/>
      <c r="X40" s="27"/>
      <c r="Y40" s="27"/>
      <c r="Z40" s="27"/>
      <c r="AA40" s="27"/>
      <c r="AB40" s="28"/>
      <c r="AC40" s="28"/>
      <c r="AD40" s="28"/>
      <c r="AE40" s="28"/>
      <c r="AF40" s="28"/>
      <c r="AG40" s="28"/>
      <c r="AH40" s="28"/>
      <c r="AI40" s="28"/>
      <c r="AJ40" s="28"/>
      <c r="AK40" s="29"/>
      <c r="AL40" s="29"/>
      <c r="AM40" s="30"/>
    </row>
    <row r="41" spans="1:39" s="46" customFormat="1" ht="9.75" customHeight="1">
      <c r="A41" s="47"/>
      <c r="B41" s="75"/>
      <c r="C41" s="33"/>
      <c r="D41" s="34"/>
      <c r="E41" s="175" t="s">
        <v>36</v>
      </c>
      <c r="F41" s="178" t="s">
        <v>745</v>
      </c>
      <c r="G41" s="48"/>
      <c r="H41" s="50"/>
      <c r="I41" s="48"/>
      <c r="J41" s="50"/>
      <c r="K41" s="51"/>
      <c r="L41" s="51"/>
      <c r="M41" s="52"/>
      <c r="N41" s="52"/>
      <c r="O41" s="76"/>
      <c r="P41" s="48"/>
      <c r="Q41" s="50"/>
      <c r="R41" s="48"/>
      <c r="S41" s="53"/>
      <c r="T41" s="54"/>
      <c r="U41" s="50"/>
      <c r="V41" s="48"/>
      <c r="W41" s="50"/>
      <c r="X41" s="55" t="s">
        <v>3</v>
      </c>
      <c r="Y41" s="55"/>
      <c r="Z41" s="55"/>
      <c r="AA41" s="55"/>
      <c r="AB41" s="56"/>
      <c r="AC41" s="56"/>
      <c r="AD41" s="56"/>
      <c r="AE41" s="56"/>
      <c r="AF41" s="56"/>
      <c r="AG41" s="56"/>
      <c r="AH41" s="56"/>
      <c r="AI41" s="56"/>
      <c r="AJ41" s="56"/>
      <c r="AK41" s="19"/>
      <c r="AL41" s="19"/>
      <c r="AM41" s="26"/>
    </row>
    <row r="42" spans="1:39" s="46" customFormat="1" ht="9.75" customHeight="1">
      <c r="A42" s="47"/>
      <c r="B42" s="75"/>
      <c r="C42" s="33"/>
      <c r="D42" s="34"/>
      <c r="E42" s="176"/>
      <c r="F42" s="179"/>
      <c r="G42" s="33"/>
      <c r="H42" s="59" t="s">
        <v>746</v>
      </c>
      <c r="I42" s="33"/>
      <c r="J42" s="59" t="s">
        <v>747</v>
      </c>
      <c r="K42" s="60" t="s">
        <v>30</v>
      </c>
      <c r="L42" s="60" t="s">
        <v>748</v>
      </c>
      <c r="M42" s="61"/>
      <c r="N42" s="61"/>
      <c r="O42" s="58"/>
      <c r="P42" s="33"/>
      <c r="Q42" s="59"/>
      <c r="R42" s="33" t="s">
        <v>749</v>
      </c>
      <c r="S42" s="62"/>
      <c r="T42" s="63" t="s">
        <v>749</v>
      </c>
      <c r="U42" s="59" t="s">
        <v>30</v>
      </c>
      <c r="V42" s="33"/>
      <c r="W42" s="59" t="s">
        <v>30</v>
      </c>
      <c r="X42" s="27"/>
      <c r="Y42" s="27"/>
      <c r="Z42" s="27"/>
      <c r="AA42" s="27"/>
      <c r="AB42" s="28"/>
      <c r="AC42" s="28"/>
      <c r="AD42" s="28"/>
      <c r="AE42" s="28"/>
      <c r="AF42" s="28"/>
      <c r="AG42" s="28"/>
      <c r="AH42" s="28"/>
      <c r="AI42" s="28"/>
      <c r="AJ42" s="28"/>
      <c r="AK42" s="29"/>
      <c r="AL42" s="29"/>
      <c r="AM42" s="30"/>
    </row>
    <row r="43" spans="1:39" s="46" customFormat="1" ht="9.75" customHeight="1">
      <c r="A43" s="47"/>
      <c r="B43" s="75"/>
      <c r="C43" s="33"/>
      <c r="D43" s="34"/>
      <c r="E43" s="176"/>
      <c r="F43" s="179"/>
      <c r="G43" s="33"/>
      <c r="H43" s="59"/>
      <c r="I43" s="33"/>
      <c r="J43" s="59"/>
      <c r="K43" s="60"/>
      <c r="L43" s="60"/>
      <c r="M43" s="61"/>
      <c r="N43" s="61"/>
      <c r="O43" s="58"/>
      <c r="P43" s="33"/>
      <c r="Q43" s="59"/>
      <c r="R43" s="33"/>
      <c r="S43" s="62"/>
      <c r="T43" s="63"/>
      <c r="U43" s="59"/>
      <c r="V43" s="33"/>
      <c r="W43" s="59"/>
      <c r="X43" s="27"/>
      <c r="Y43" s="27"/>
      <c r="Z43" s="27"/>
      <c r="AA43" s="27"/>
      <c r="AB43" s="28"/>
      <c r="AC43" s="28"/>
      <c r="AD43" s="28"/>
      <c r="AE43" s="28"/>
      <c r="AF43" s="28"/>
      <c r="AG43" s="28"/>
      <c r="AH43" s="28"/>
      <c r="AI43" s="28"/>
      <c r="AJ43" s="28"/>
      <c r="AK43" s="29"/>
      <c r="AL43" s="29"/>
      <c r="AM43" s="30"/>
    </row>
    <row r="44" spans="1:39" s="46" customFormat="1" ht="9.75" customHeight="1">
      <c r="A44" s="47"/>
      <c r="B44" s="39"/>
      <c r="C44" s="33"/>
      <c r="D44" s="34"/>
      <c r="E44" s="33"/>
      <c r="F44" s="34"/>
      <c r="G44" s="33"/>
      <c r="H44" s="59"/>
      <c r="I44" s="33"/>
      <c r="J44" s="59"/>
      <c r="K44" s="60"/>
      <c r="L44" s="60"/>
      <c r="M44" s="61"/>
      <c r="N44" s="185" t="s">
        <v>21</v>
      </c>
      <c r="O44" s="178" t="s">
        <v>750</v>
      </c>
      <c r="P44" s="48"/>
      <c r="Q44" s="50"/>
      <c r="R44" s="48"/>
      <c r="S44" s="53"/>
      <c r="T44" s="54"/>
      <c r="U44" s="50"/>
      <c r="V44" s="48"/>
      <c r="W44" s="50"/>
      <c r="X44" s="55" t="s">
        <v>3</v>
      </c>
      <c r="Y44" s="55"/>
      <c r="Z44" s="55"/>
      <c r="AA44" s="55"/>
      <c r="AB44" s="56"/>
      <c r="AC44" s="56"/>
      <c r="AD44" s="56"/>
      <c r="AE44" s="56"/>
      <c r="AF44" s="56"/>
      <c r="AG44" s="56"/>
      <c r="AH44" s="56"/>
      <c r="AI44" s="56"/>
      <c r="AJ44" s="56"/>
      <c r="AK44" s="19"/>
      <c r="AL44" s="19"/>
      <c r="AM44" s="26"/>
    </row>
    <row r="45" spans="1:39" s="46" customFormat="1" ht="9.75" customHeight="1">
      <c r="A45" s="57"/>
      <c r="B45" s="58"/>
      <c r="C45" s="33"/>
      <c r="D45" s="34"/>
      <c r="E45" s="33"/>
      <c r="F45" s="34"/>
      <c r="G45" s="33"/>
      <c r="H45" s="59"/>
      <c r="I45" s="33"/>
      <c r="J45" s="59"/>
      <c r="K45" s="60"/>
      <c r="L45" s="60"/>
      <c r="M45" s="61"/>
      <c r="N45" s="186"/>
      <c r="O45" s="179"/>
      <c r="P45" s="33"/>
      <c r="Q45" s="59" t="s">
        <v>751</v>
      </c>
      <c r="R45" s="33" t="s">
        <v>752</v>
      </c>
      <c r="S45" s="62"/>
      <c r="T45" s="63" t="s">
        <v>752</v>
      </c>
      <c r="U45" s="59" t="s">
        <v>30</v>
      </c>
      <c r="V45" s="33"/>
      <c r="W45" s="59" t="s">
        <v>30</v>
      </c>
      <c r="X45" s="27"/>
      <c r="Y45" s="27"/>
      <c r="Z45" s="27"/>
      <c r="AA45" s="27"/>
      <c r="AB45" s="28"/>
      <c r="AC45" s="28"/>
      <c r="AD45" s="28"/>
      <c r="AE45" s="28"/>
      <c r="AF45" s="28"/>
      <c r="AG45" s="28"/>
      <c r="AH45" s="28"/>
      <c r="AI45" s="28"/>
      <c r="AJ45" s="28"/>
      <c r="AK45" s="29"/>
      <c r="AL45" s="29"/>
      <c r="AM45" s="30"/>
    </row>
    <row r="46" spans="1:39" s="46" customFormat="1" ht="9.75" customHeight="1">
      <c r="A46" s="57"/>
      <c r="B46" s="58"/>
      <c r="C46" s="33"/>
      <c r="D46" s="34"/>
      <c r="E46" s="33"/>
      <c r="F46" s="34"/>
      <c r="G46" s="33"/>
      <c r="H46" s="59"/>
      <c r="I46" s="33"/>
      <c r="J46" s="59"/>
      <c r="K46" s="60"/>
      <c r="L46" s="60"/>
      <c r="M46" s="61"/>
      <c r="N46" s="187"/>
      <c r="O46" s="180"/>
      <c r="P46" s="33"/>
      <c r="Q46" s="59"/>
      <c r="R46" s="33"/>
      <c r="S46" s="62"/>
      <c r="T46" s="63"/>
      <c r="U46" s="59"/>
      <c r="V46" s="33"/>
      <c r="W46" s="59"/>
      <c r="X46" s="27"/>
      <c r="Y46" s="27"/>
      <c r="Z46" s="27"/>
      <c r="AA46" s="27"/>
      <c r="AB46" s="28"/>
      <c r="AC46" s="28"/>
      <c r="AD46" s="28"/>
      <c r="AE46" s="28"/>
      <c r="AF46" s="28"/>
      <c r="AG46" s="28"/>
      <c r="AH46" s="28"/>
      <c r="AI46" s="28"/>
      <c r="AJ46" s="28"/>
      <c r="AK46" s="29"/>
      <c r="AL46" s="29"/>
      <c r="AM46" s="30"/>
    </row>
    <row r="47" spans="1:39" s="46" customFormat="1" ht="9.75" customHeight="1">
      <c r="A47" s="57"/>
      <c r="B47" s="58"/>
      <c r="C47" s="33"/>
      <c r="D47" s="58"/>
      <c r="E47" s="33"/>
      <c r="F47" s="34"/>
      <c r="G47" s="33"/>
      <c r="H47" s="59"/>
      <c r="I47" s="33"/>
      <c r="J47" s="59"/>
      <c r="K47" s="60"/>
      <c r="L47" s="60"/>
      <c r="M47" s="61"/>
      <c r="N47" s="185" t="s">
        <v>36</v>
      </c>
      <c r="O47" s="189" t="s">
        <v>753</v>
      </c>
      <c r="P47" s="48"/>
      <c r="Q47" s="50"/>
      <c r="R47" s="48"/>
      <c r="S47" s="53"/>
      <c r="T47" s="54"/>
      <c r="U47" s="50"/>
      <c r="V47" s="48"/>
      <c r="W47" s="50"/>
      <c r="X47" s="55" t="s">
        <v>3</v>
      </c>
      <c r="Y47" s="55"/>
      <c r="Z47" s="55"/>
      <c r="AA47" s="55"/>
      <c r="AB47" s="56"/>
      <c r="AC47" s="56"/>
      <c r="AD47" s="56"/>
      <c r="AE47" s="56"/>
      <c r="AF47" s="56"/>
      <c r="AG47" s="56"/>
      <c r="AH47" s="56"/>
      <c r="AI47" s="56"/>
      <c r="AJ47" s="56"/>
      <c r="AK47" s="19"/>
      <c r="AL47" s="19"/>
      <c r="AM47" s="26"/>
    </row>
    <row r="48" spans="1:39" s="46" customFormat="1" ht="9.75" customHeight="1">
      <c r="A48" s="57"/>
      <c r="B48" s="58"/>
      <c r="C48" s="33"/>
      <c r="D48" s="58"/>
      <c r="E48" s="33"/>
      <c r="F48" s="34"/>
      <c r="G48" s="33"/>
      <c r="H48" s="59"/>
      <c r="I48" s="33"/>
      <c r="J48" s="59"/>
      <c r="K48" s="60"/>
      <c r="L48" s="60"/>
      <c r="M48" s="61"/>
      <c r="N48" s="186"/>
      <c r="O48" s="190"/>
      <c r="P48" s="33"/>
      <c r="Q48" s="59" t="s">
        <v>754</v>
      </c>
      <c r="R48" s="33" t="s">
        <v>755</v>
      </c>
      <c r="S48" s="62"/>
      <c r="T48" s="63" t="s">
        <v>755</v>
      </c>
      <c r="U48" s="59" t="s">
        <v>30</v>
      </c>
      <c r="V48" s="33"/>
      <c r="W48" s="59" t="s">
        <v>30</v>
      </c>
      <c r="X48" s="27"/>
      <c r="Y48" s="27"/>
      <c r="Z48" s="27"/>
      <c r="AA48" s="27"/>
      <c r="AB48" s="28"/>
      <c r="AC48" s="28"/>
      <c r="AD48" s="28"/>
      <c r="AE48" s="28"/>
      <c r="AF48" s="28"/>
      <c r="AG48" s="28"/>
      <c r="AH48" s="28"/>
      <c r="AI48" s="28"/>
      <c r="AJ48" s="28"/>
      <c r="AK48" s="29"/>
      <c r="AL48" s="29"/>
      <c r="AM48" s="30"/>
    </row>
    <row r="49" spans="1:39" s="46" customFormat="1" ht="9.75" customHeight="1">
      <c r="A49" s="57"/>
      <c r="B49" s="58"/>
      <c r="C49" s="64"/>
      <c r="D49" s="65"/>
      <c r="E49" s="64"/>
      <c r="F49" s="77"/>
      <c r="G49" s="64"/>
      <c r="H49" s="66"/>
      <c r="I49" s="64"/>
      <c r="J49" s="66"/>
      <c r="K49" s="67"/>
      <c r="L49" s="67"/>
      <c r="M49" s="68"/>
      <c r="N49" s="187"/>
      <c r="O49" s="191"/>
      <c r="P49" s="64"/>
      <c r="Q49" s="66"/>
      <c r="R49" s="64"/>
      <c r="S49" s="69"/>
      <c r="T49" s="70"/>
      <c r="U49" s="66"/>
      <c r="V49" s="64"/>
      <c r="W49" s="66"/>
      <c r="X49" s="71"/>
      <c r="Y49" s="71"/>
      <c r="Z49" s="71"/>
      <c r="AA49" s="71"/>
      <c r="AB49" s="72"/>
      <c r="AC49" s="72"/>
      <c r="AD49" s="72"/>
      <c r="AE49" s="72"/>
      <c r="AF49" s="72"/>
      <c r="AG49" s="72"/>
      <c r="AH49" s="72"/>
      <c r="AI49" s="72"/>
      <c r="AJ49" s="72"/>
      <c r="AK49" s="73"/>
      <c r="AL49" s="73"/>
      <c r="AM49" s="74"/>
    </row>
    <row r="50" spans="1:39" s="46" customFormat="1" ht="9.75" customHeight="1">
      <c r="A50" s="47"/>
      <c r="B50" s="75"/>
      <c r="C50" s="175" t="s">
        <v>52</v>
      </c>
      <c r="D50" s="178" t="s">
        <v>179</v>
      </c>
      <c r="E50" s="48"/>
      <c r="F50" s="49"/>
      <c r="G50" s="48"/>
      <c r="H50" s="50"/>
      <c r="I50" s="48"/>
      <c r="J50" s="50"/>
      <c r="K50" s="51"/>
      <c r="L50" s="51"/>
      <c r="M50" s="52"/>
      <c r="N50" s="52"/>
      <c r="O50" s="76"/>
      <c r="P50" s="48"/>
      <c r="Q50" s="50"/>
      <c r="R50" s="48"/>
      <c r="S50" s="53"/>
      <c r="T50" s="54"/>
      <c r="U50" s="50"/>
      <c r="V50" s="48"/>
      <c r="W50" s="50"/>
      <c r="X50" s="55" t="s">
        <v>3</v>
      </c>
      <c r="Y50" s="55"/>
      <c r="Z50" s="55"/>
      <c r="AA50" s="55"/>
      <c r="AB50" s="56"/>
      <c r="AC50" s="56"/>
      <c r="AD50" s="56"/>
      <c r="AE50" s="56"/>
      <c r="AF50" s="56"/>
      <c r="AG50" s="56"/>
      <c r="AH50" s="56"/>
      <c r="AI50" s="56"/>
      <c r="AJ50" s="56"/>
      <c r="AK50" s="19"/>
      <c r="AL50" s="19"/>
      <c r="AM50" s="26"/>
    </row>
    <row r="51" spans="1:39" s="46" customFormat="1" ht="9.75" customHeight="1">
      <c r="A51" s="47"/>
      <c r="B51" s="75"/>
      <c r="C51" s="176"/>
      <c r="D51" s="179"/>
      <c r="E51" s="33"/>
      <c r="F51" s="34"/>
      <c r="G51" s="33"/>
      <c r="H51" s="59" t="s">
        <v>756</v>
      </c>
      <c r="I51" s="33" t="s">
        <v>133</v>
      </c>
      <c r="J51" s="59" t="s">
        <v>757</v>
      </c>
      <c r="K51" s="60" t="s">
        <v>30</v>
      </c>
      <c r="L51" s="60" t="s">
        <v>758</v>
      </c>
      <c r="M51" s="61"/>
      <c r="N51" s="61"/>
      <c r="O51" s="58"/>
      <c r="P51" s="33"/>
      <c r="Q51" s="59"/>
      <c r="R51" s="33" t="s">
        <v>759</v>
      </c>
      <c r="S51" s="62"/>
      <c r="T51" s="63" t="s">
        <v>759</v>
      </c>
      <c r="U51" s="59" t="s">
        <v>30</v>
      </c>
      <c r="V51" s="33"/>
      <c r="W51" s="59" t="s">
        <v>30</v>
      </c>
      <c r="X51" s="27"/>
      <c r="Y51" s="27"/>
      <c r="Z51" s="27"/>
      <c r="AA51" s="27"/>
      <c r="AB51" s="28"/>
      <c r="AC51" s="28"/>
      <c r="AD51" s="28"/>
      <c r="AE51" s="28"/>
      <c r="AF51" s="28"/>
      <c r="AG51" s="28"/>
      <c r="AH51" s="28"/>
      <c r="AI51" s="28"/>
      <c r="AJ51" s="28"/>
      <c r="AK51" s="29"/>
      <c r="AL51" s="29"/>
      <c r="AM51" s="30"/>
    </row>
    <row r="52" spans="1:39" s="46" customFormat="1" ht="9.75" customHeight="1">
      <c r="A52" s="47"/>
      <c r="B52" s="75"/>
      <c r="C52" s="176"/>
      <c r="D52" s="179"/>
      <c r="E52" s="33"/>
      <c r="F52" s="34"/>
      <c r="G52" s="33"/>
      <c r="H52" s="59"/>
      <c r="I52" s="33"/>
      <c r="J52" s="59"/>
      <c r="K52" s="60"/>
      <c r="L52" s="60"/>
      <c r="M52" s="61"/>
      <c r="N52" s="61"/>
      <c r="O52" s="58"/>
      <c r="P52" s="33"/>
      <c r="Q52" s="59"/>
      <c r="R52" s="33"/>
      <c r="S52" s="62"/>
      <c r="T52" s="63"/>
      <c r="U52" s="59"/>
      <c r="V52" s="33"/>
      <c r="W52" s="59"/>
      <c r="X52" s="27"/>
      <c r="Y52" s="27"/>
      <c r="Z52" s="27"/>
      <c r="AA52" s="27"/>
      <c r="AB52" s="28"/>
      <c r="AC52" s="28"/>
      <c r="AD52" s="28"/>
      <c r="AE52" s="28"/>
      <c r="AF52" s="28"/>
      <c r="AG52" s="28"/>
      <c r="AH52" s="28"/>
      <c r="AI52" s="28"/>
      <c r="AJ52" s="28"/>
      <c r="AK52" s="29"/>
      <c r="AL52" s="29"/>
      <c r="AM52" s="30"/>
    </row>
    <row r="53" spans="1:39" s="46" customFormat="1" ht="9.75" customHeight="1">
      <c r="A53" s="47"/>
      <c r="B53" s="39"/>
      <c r="C53" s="33"/>
      <c r="D53" s="34"/>
      <c r="E53" s="175" t="s">
        <v>21</v>
      </c>
      <c r="F53" s="178" t="s">
        <v>183</v>
      </c>
      <c r="G53" s="48"/>
      <c r="H53" s="50"/>
      <c r="I53" s="48"/>
      <c r="J53" s="50"/>
      <c r="K53" s="51"/>
      <c r="L53" s="51"/>
      <c r="M53" s="52"/>
      <c r="N53" s="52"/>
      <c r="O53" s="49"/>
      <c r="P53" s="48"/>
      <c r="Q53" s="50"/>
      <c r="R53" s="48"/>
      <c r="S53" s="53"/>
      <c r="T53" s="54"/>
      <c r="U53" s="50"/>
      <c r="V53" s="48"/>
      <c r="W53" s="50"/>
      <c r="X53" s="55" t="s">
        <v>3</v>
      </c>
      <c r="Y53" s="55"/>
      <c r="Z53" s="55"/>
      <c r="AA53" s="55"/>
      <c r="AB53" s="56"/>
      <c r="AC53" s="56"/>
      <c r="AD53" s="56"/>
      <c r="AE53" s="56"/>
      <c r="AF53" s="56"/>
      <c r="AG53" s="56"/>
      <c r="AH53" s="56"/>
      <c r="AI53" s="56"/>
      <c r="AJ53" s="56"/>
      <c r="AK53" s="19"/>
      <c r="AL53" s="19"/>
      <c r="AM53" s="26"/>
    </row>
    <row r="54" spans="1:39" s="46" customFormat="1" ht="9.75" customHeight="1">
      <c r="A54" s="57"/>
      <c r="B54" s="58"/>
      <c r="C54" s="33"/>
      <c r="D54" s="34"/>
      <c r="E54" s="176"/>
      <c r="F54" s="179"/>
      <c r="G54" s="33"/>
      <c r="H54" s="59" t="s">
        <v>756</v>
      </c>
      <c r="I54" s="33" t="s">
        <v>133</v>
      </c>
      <c r="J54" s="59" t="s">
        <v>757</v>
      </c>
      <c r="K54" s="60" t="s">
        <v>30</v>
      </c>
      <c r="L54" s="60" t="s">
        <v>758</v>
      </c>
      <c r="M54" s="61"/>
      <c r="N54" s="61"/>
      <c r="O54" s="34"/>
      <c r="P54" s="33"/>
      <c r="Q54" s="59"/>
      <c r="R54" s="33" t="s">
        <v>759</v>
      </c>
      <c r="S54" s="62"/>
      <c r="T54" s="63" t="s">
        <v>759</v>
      </c>
      <c r="U54" s="59" t="s">
        <v>30</v>
      </c>
      <c r="V54" s="33"/>
      <c r="W54" s="59" t="s">
        <v>30</v>
      </c>
      <c r="X54" s="27"/>
      <c r="Y54" s="27"/>
      <c r="Z54" s="27"/>
      <c r="AA54" s="27"/>
      <c r="AB54" s="28"/>
      <c r="AC54" s="28"/>
      <c r="AD54" s="28"/>
      <c r="AE54" s="28"/>
      <c r="AF54" s="28"/>
      <c r="AG54" s="28"/>
      <c r="AH54" s="28"/>
      <c r="AI54" s="28"/>
      <c r="AJ54" s="28"/>
      <c r="AK54" s="29"/>
      <c r="AL54" s="29"/>
      <c r="AM54" s="30"/>
    </row>
    <row r="55" spans="1:39" s="46" customFormat="1" ht="9.75" customHeight="1">
      <c r="A55" s="57"/>
      <c r="B55" s="58"/>
      <c r="C55" s="33"/>
      <c r="D55" s="34"/>
      <c r="E55" s="176"/>
      <c r="F55" s="179"/>
      <c r="G55" s="33"/>
      <c r="H55" s="59"/>
      <c r="I55" s="33"/>
      <c r="J55" s="59"/>
      <c r="K55" s="60"/>
      <c r="L55" s="60"/>
      <c r="M55" s="61"/>
      <c r="N55" s="61"/>
      <c r="O55" s="34"/>
      <c r="P55" s="33"/>
      <c r="Q55" s="59"/>
      <c r="R55" s="33"/>
      <c r="S55" s="62"/>
      <c r="T55" s="63"/>
      <c r="U55" s="59"/>
      <c r="V55" s="33"/>
      <c r="W55" s="59"/>
      <c r="X55" s="27"/>
      <c r="Y55" s="27"/>
      <c r="Z55" s="27"/>
      <c r="AA55" s="27"/>
      <c r="AB55" s="28"/>
      <c r="AC55" s="28"/>
      <c r="AD55" s="28"/>
      <c r="AE55" s="28"/>
      <c r="AF55" s="28"/>
      <c r="AG55" s="28"/>
      <c r="AH55" s="28"/>
      <c r="AI55" s="28"/>
      <c r="AJ55" s="28"/>
      <c r="AK55" s="29"/>
      <c r="AL55" s="29"/>
      <c r="AM55" s="30"/>
    </row>
    <row r="56" spans="1:39" s="46" customFormat="1" ht="9.75" customHeight="1">
      <c r="A56" s="57"/>
      <c r="B56" s="58"/>
      <c r="C56" s="33"/>
      <c r="D56" s="58"/>
      <c r="E56" s="33"/>
      <c r="F56" s="34"/>
      <c r="G56" s="33"/>
      <c r="H56" s="59"/>
      <c r="I56" s="33"/>
      <c r="J56" s="59"/>
      <c r="K56" s="60"/>
      <c r="L56" s="60"/>
      <c r="M56" s="61"/>
      <c r="N56" s="185" t="s">
        <v>21</v>
      </c>
      <c r="O56" s="178" t="s">
        <v>184</v>
      </c>
      <c r="P56" s="48"/>
      <c r="Q56" s="50"/>
      <c r="R56" s="48"/>
      <c r="S56" s="53"/>
      <c r="T56" s="54"/>
      <c r="U56" s="50"/>
      <c r="V56" s="48"/>
      <c r="W56" s="50"/>
      <c r="X56" s="55" t="s">
        <v>3</v>
      </c>
      <c r="Y56" s="55"/>
      <c r="Z56" s="55"/>
      <c r="AA56" s="55"/>
      <c r="AB56" s="56"/>
      <c r="AC56" s="56"/>
      <c r="AD56" s="56"/>
      <c r="AE56" s="56"/>
      <c r="AF56" s="56"/>
      <c r="AG56" s="56"/>
      <c r="AH56" s="56"/>
      <c r="AI56" s="56"/>
      <c r="AJ56" s="56"/>
      <c r="AK56" s="19"/>
      <c r="AL56" s="19"/>
      <c r="AM56" s="26"/>
    </row>
    <row r="57" spans="1:39" s="46" customFormat="1" ht="9.75" customHeight="1">
      <c r="A57" s="57"/>
      <c r="B57" s="58"/>
      <c r="C57" s="33"/>
      <c r="D57" s="58"/>
      <c r="E57" s="33"/>
      <c r="F57" s="34"/>
      <c r="G57" s="33"/>
      <c r="H57" s="59"/>
      <c r="I57" s="33"/>
      <c r="J57" s="59"/>
      <c r="K57" s="60"/>
      <c r="L57" s="60"/>
      <c r="M57" s="61"/>
      <c r="N57" s="186"/>
      <c r="O57" s="179"/>
      <c r="P57" s="33"/>
      <c r="Q57" s="59" t="s">
        <v>758</v>
      </c>
      <c r="R57" s="33" t="s">
        <v>759</v>
      </c>
      <c r="S57" s="62"/>
      <c r="T57" s="63" t="s">
        <v>759</v>
      </c>
      <c r="U57" s="59" t="s">
        <v>30</v>
      </c>
      <c r="V57" s="33"/>
      <c r="W57" s="59" t="s">
        <v>30</v>
      </c>
      <c r="X57" s="27"/>
      <c r="Y57" s="27"/>
      <c r="Z57" s="27"/>
      <c r="AA57" s="27"/>
      <c r="AB57" s="28"/>
      <c r="AC57" s="28"/>
      <c r="AD57" s="28"/>
      <c r="AE57" s="28"/>
      <c r="AF57" s="28"/>
      <c r="AG57" s="28"/>
      <c r="AH57" s="28"/>
      <c r="AI57" s="28"/>
      <c r="AJ57" s="28"/>
      <c r="AK57" s="29"/>
      <c r="AL57" s="29"/>
      <c r="AM57" s="30"/>
    </row>
    <row r="58" spans="1:39" s="46" customFormat="1" ht="9.75" customHeight="1">
      <c r="A58" s="57"/>
      <c r="B58" s="58"/>
      <c r="C58" s="64"/>
      <c r="D58" s="65"/>
      <c r="E58" s="64"/>
      <c r="F58" s="77"/>
      <c r="G58" s="64"/>
      <c r="H58" s="66"/>
      <c r="I58" s="64"/>
      <c r="J58" s="66"/>
      <c r="K58" s="67"/>
      <c r="L58" s="67"/>
      <c r="M58" s="68"/>
      <c r="N58" s="187"/>
      <c r="O58" s="180"/>
      <c r="P58" s="64"/>
      <c r="Q58" s="66"/>
      <c r="R58" s="64"/>
      <c r="S58" s="69"/>
      <c r="T58" s="70"/>
      <c r="U58" s="66"/>
      <c r="V58" s="64"/>
      <c r="W58" s="66"/>
      <c r="X58" s="71"/>
      <c r="Y58" s="71"/>
      <c r="Z58" s="71"/>
      <c r="AA58" s="71"/>
      <c r="AB58" s="72"/>
      <c r="AC58" s="72"/>
      <c r="AD58" s="72"/>
      <c r="AE58" s="72"/>
      <c r="AF58" s="72"/>
      <c r="AG58" s="72"/>
      <c r="AH58" s="72"/>
      <c r="AI58" s="72"/>
      <c r="AJ58" s="72"/>
      <c r="AK58" s="73"/>
      <c r="AL58" s="73"/>
      <c r="AM58" s="74"/>
    </row>
    <row r="59" spans="1:39" s="46" customFormat="1" ht="9.75" customHeight="1">
      <c r="A59" s="47"/>
      <c r="B59" s="75"/>
      <c r="C59" s="175" t="s">
        <v>57</v>
      </c>
      <c r="D59" s="178" t="s">
        <v>37</v>
      </c>
      <c r="E59" s="48"/>
      <c r="F59" s="49"/>
      <c r="G59" s="48"/>
      <c r="H59" s="50"/>
      <c r="I59" s="48"/>
      <c r="J59" s="50"/>
      <c r="K59" s="51"/>
      <c r="L59" s="51"/>
      <c r="M59" s="52"/>
      <c r="N59" s="52"/>
      <c r="O59" s="76"/>
      <c r="P59" s="48"/>
      <c r="Q59" s="50"/>
      <c r="R59" s="48"/>
      <c r="S59" s="53"/>
      <c r="T59" s="54"/>
      <c r="U59" s="50"/>
      <c r="V59" s="48"/>
      <c r="W59" s="50"/>
      <c r="X59" s="55" t="s">
        <v>3</v>
      </c>
      <c r="Y59" s="55"/>
      <c r="Z59" s="55"/>
      <c r="AA59" s="55"/>
      <c r="AB59" s="56"/>
      <c r="AC59" s="56"/>
      <c r="AD59" s="56"/>
      <c r="AE59" s="56"/>
      <c r="AF59" s="56"/>
      <c r="AG59" s="56"/>
      <c r="AH59" s="56"/>
      <c r="AI59" s="56"/>
      <c r="AJ59" s="56"/>
      <c r="AK59" s="19"/>
      <c r="AL59" s="19"/>
      <c r="AM59" s="26"/>
    </row>
    <row r="60" spans="1:39" s="46" customFormat="1" ht="9.75" customHeight="1">
      <c r="A60" s="47"/>
      <c r="B60" s="75"/>
      <c r="C60" s="176"/>
      <c r="D60" s="179"/>
      <c r="E60" s="33"/>
      <c r="F60" s="34"/>
      <c r="G60" s="33"/>
      <c r="H60" s="59" t="s">
        <v>760</v>
      </c>
      <c r="I60" s="33"/>
      <c r="J60" s="59" t="s">
        <v>761</v>
      </c>
      <c r="K60" s="60" t="s">
        <v>30</v>
      </c>
      <c r="L60" s="60" t="s">
        <v>762</v>
      </c>
      <c r="M60" s="61"/>
      <c r="N60" s="61"/>
      <c r="O60" s="58"/>
      <c r="P60" s="33"/>
      <c r="Q60" s="59"/>
      <c r="R60" s="33" t="s">
        <v>763</v>
      </c>
      <c r="S60" s="62"/>
      <c r="T60" s="63" t="s">
        <v>763</v>
      </c>
      <c r="U60" s="59" t="s">
        <v>30</v>
      </c>
      <c r="V60" s="33"/>
      <c r="W60" s="59" t="s">
        <v>30</v>
      </c>
      <c r="X60" s="27"/>
      <c r="Y60" s="27"/>
      <c r="Z60" s="27"/>
      <c r="AA60" s="27"/>
      <c r="AB60" s="28"/>
      <c r="AC60" s="28"/>
      <c r="AD60" s="28"/>
      <c r="AE60" s="28"/>
      <c r="AF60" s="28"/>
      <c r="AG60" s="28"/>
      <c r="AH60" s="28"/>
      <c r="AI60" s="28"/>
      <c r="AJ60" s="28"/>
      <c r="AK60" s="29"/>
      <c r="AL60" s="29"/>
      <c r="AM60" s="30"/>
    </row>
    <row r="61" spans="1:39" s="46" customFormat="1" ht="9.75" customHeight="1">
      <c r="A61" s="47"/>
      <c r="B61" s="75"/>
      <c r="C61" s="176"/>
      <c r="D61" s="179"/>
      <c r="E61" s="33"/>
      <c r="F61" s="34"/>
      <c r="G61" s="33"/>
      <c r="H61" s="59"/>
      <c r="I61" s="33"/>
      <c r="J61" s="59"/>
      <c r="K61" s="60"/>
      <c r="L61" s="60"/>
      <c r="M61" s="61"/>
      <c r="N61" s="61"/>
      <c r="O61" s="58"/>
      <c r="P61" s="33"/>
      <c r="Q61" s="59"/>
      <c r="R61" s="33"/>
      <c r="S61" s="62"/>
      <c r="T61" s="63"/>
      <c r="U61" s="59"/>
      <c r="V61" s="33"/>
      <c r="W61" s="59"/>
      <c r="X61" s="27"/>
      <c r="Y61" s="27"/>
      <c r="Z61" s="27"/>
      <c r="AA61" s="27"/>
      <c r="AB61" s="28"/>
      <c r="AC61" s="28"/>
      <c r="AD61" s="28"/>
      <c r="AE61" s="28"/>
      <c r="AF61" s="28"/>
      <c r="AG61" s="28"/>
      <c r="AH61" s="28"/>
      <c r="AI61" s="28"/>
      <c r="AJ61" s="28"/>
      <c r="AK61" s="29"/>
      <c r="AL61" s="29"/>
      <c r="AM61" s="30"/>
    </row>
    <row r="62" spans="1:39" s="46" customFormat="1" ht="9.75" customHeight="1">
      <c r="A62" s="47"/>
      <c r="B62" s="39"/>
      <c r="C62" s="33"/>
      <c r="D62" s="34"/>
      <c r="E62" s="175" t="s">
        <v>21</v>
      </c>
      <c r="F62" s="188" t="s">
        <v>41</v>
      </c>
      <c r="G62" s="48"/>
      <c r="H62" s="50"/>
      <c r="I62" s="48"/>
      <c r="J62" s="50"/>
      <c r="K62" s="51"/>
      <c r="L62" s="51"/>
      <c r="M62" s="52"/>
      <c r="N62" s="52"/>
      <c r="O62" s="49"/>
      <c r="P62" s="48"/>
      <c r="Q62" s="50"/>
      <c r="R62" s="48"/>
      <c r="S62" s="53"/>
      <c r="T62" s="54"/>
      <c r="U62" s="50"/>
      <c r="V62" s="48"/>
      <c r="W62" s="50"/>
      <c r="X62" s="55" t="s">
        <v>3</v>
      </c>
      <c r="Y62" s="55"/>
      <c r="Z62" s="55"/>
      <c r="AA62" s="55"/>
      <c r="AB62" s="56"/>
      <c r="AC62" s="56"/>
      <c r="AD62" s="56"/>
      <c r="AE62" s="56"/>
      <c r="AF62" s="56"/>
      <c r="AG62" s="56"/>
      <c r="AH62" s="56"/>
      <c r="AI62" s="56"/>
      <c r="AJ62" s="56"/>
      <c r="AK62" s="19"/>
      <c r="AL62" s="19"/>
      <c r="AM62" s="26"/>
    </row>
    <row r="63" spans="1:39" s="46" customFormat="1" ht="9.75" customHeight="1">
      <c r="A63" s="57"/>
      <c r="B63" s="58"/>
      <c r="C63" s="33"/>
      <c r="D63" s="34"/>
      <c r="E63" s="176"/>
      <c r="F63" s="179"/>
      <c r="G63" s="33"/>
      <c r="H63" s="59" t="s">
        <v>764</v>
      </c>
      <c r="I63" s="33"/>
      <c r="J63" s="59" t="s">
        <v>765</v>
      </c>
      <c r="K63" s="60" t="s">
        <v>30</v>
      </c>
      <c r="L63" s="60" t="s">
        <v>766</v>
      </c>
      <c r="M63" s="61"/>
      <c r="N63" s="61"/>
      <c r="O63" s="34"/>
      <c r="P63" s="33"/>
      <c r="Q63" s="59"/>
      <c r="R63" s="33" t="s">
        <v>767</v>
      </c>
      <c r="S63" s="62"/>
      <c r="T63" s="63" t="s">
        <v>767</v>
      </c>
      <c r="U63" s="59" t="s">
        <v>30</v>
      </c>
      <c r="V63" s="33"/>
      <c r="W63" s="59" t="s">
        <v>30</v>
      </c>
      <c r="X63" s="27"/>
      <c r="Y63" s="27"/>
      <c r="Z63" s="27"/>
      <c r="AA63" s="27"/>
      <c r="AB63" s="28"/>
      <c r="AC63" s="28"/>
      <c r="AD63" s="28"/>
      <c r="AE63" s="28"/>
      <c r="AF63" s="28"/>
      <c r="AG63" s="28"/>
      <c r="AH63" s="28"/>
      <c r="AI63" s="28"/>
      <c r="AJ63" s="28"/>
      <c r="AK63" s="29"/>
      <c r="AL63" s="29"/>
      <c r="AM63" s="30"/>
    </row>
    <row r="64" spans="1:39" s="46" customFormat="1" ht="9.75" customHeight="1">
      <c r="A64" s="57"/>
      <c r="B64" s="58"/>
      <c r="C64" s="33"/>
      <c r="D64" s="34"/>
      <c r="E64" s="177"/>
      <c r="F64" s="180"/>
      <c r="G64" s="33"/>
      <c r="H64" s="59"/>
      <c r="I64" s="33"/>
      <c r="J64" s="59"/>
      <c r="K64" s="60"/>
      <c r="L64" s="60"/>
      <c r="M64" s="61"/>
      <c r="N64" s="61"/>
      <c r="O64" s="34"/>
      <c r="P64" s="33"/>
      <c r="Q64" s="59"/>
      <c r="R64" s="33"/>
      <c r="S64" s="62"/>
      <c r="T64" s="63"/>
      <c r="U64" s="59"/>
      <c r="V64" s="33"/>
      <c r="W64" s="59"/>
      <c r="X64" s="27"/>
      <c r="Y64" s="27"/>
      <c r="Z64" s="27"/>
      <c r="AA64" s="27"/>
      <c r="AB64" s="28"/>
      <c r="AC64" s="28"/>
      <c r="AD64" s="28"/>
      <c r="AE64" s="28"/>
      <c r="AF64" s="28"/>
      <c r="AG64" s="28"/>
      <c r="AH64" s="28"/>
      <c r="AI64" s="28"/>
      <c r="AJ64" s="28"/>
      <c r="AK64" s="29"/>
      <c r="AL64" s="29"/>
      <c r="AM64" s="30"/>
    </row>
    <row r="65" spans="1:39" s="46" customFormat="1" ht="9.75" customHeight="1">
      <c r="A65" s="47"/>
      <c r="B65" s="75"/>
      <c r="C65" s="33"/>
      <c r="D65" s="34"/>
      <c r="E65" s="175" t="s">
        <v>36</v>
      </c>
      <c r="F65" s="178" t="s">
        <v>205</v>
      </c>
      <c r="G65" s="48"/>
      <c r="H65" s="50"/>
      <c r="I65" s="48"/>
      <c r="J65" s="50"/>
      <c r="K65" s="51"/>
      <c r="L65" s="51"/>
      <c r="M65" s="52"/>
      <c r="N65" s="52"/>
      <c r="O65" s="76"/>
      <c r="P65" s="48"/>
      <c r="Q65" s="50"/>
      <c r="R65" s="48"/>
      <c r="S65" s="53"/>
      <c r="T65" s="54"/>
      <c r="U65" s="50"/>
      <c r="V65" s="48"/>
      <c r="W65" s="50"/>
      <c r="X65" s="55" t="s">
        <v>3</v>
      </c>
      <c r="Y65" s="55"/>
      <c r="Z65" s="55"/>
      <c r="AA65" s="55"/>
      <c r="AB65" s="56"/>
      <c r="AC65" s="56"/>
      <c r="AD65" s="56"/>
      <c r="AE65" s="56"/>
      <c r="AF65" s="56"/>
      <c r="AG65" s="56"/>
      <c r="AH65" s="56"/>
      <c r="AI65" s="56"/>
      <c r="AJ65" s="56"/>
      <c r="AK65" s="19"/>
      <c r="AL65" s="19"/>
      <c r="AM65" s="26"/>
    </row>
    <row r="66" spans="1:39" s="46" customFormat="1" ht="9.75" customHeight="1">
      <c r="A66" s="47"/>
      <c r="B66" s="75"/>
      <c r="C66" s="33"/>
      <c r="D66" s="34"/>
      <c r="E66" s="176"/>
      <c r="F66" s="179"/>
      <c r="G66" s="33"/>
      <c r="H66" s="59" t="s">
        <v>768</v>
      </c>
      <c r="I66" s="33"/>
      <c r="J66" s="59" t="s">
        <v>769</v>
      </c>
      <c r="K66" s="60" t="s">
        <v>30</v>
      </c>
      <c r="L66" s="60" t="s">
        <v>770</v>
      </c>
      <c r="M66" s="61"/>
      <c r="N66" s="61"/>
      <c r="O66" s="58"/>
      <c r="P66" s="33"/>
      <c r="Q66" s="59"/>
      <c r="R66" s="33" t="s">
        <v>771</v>
      </c>
      <c r="S66" s="62"/>
      <c r="T66" s="63" t="s">
        <v>771</v>
      </c>
      <c r="U66" s="59" t="s">
        <v>30</v>
      </c>
      <c r="V66" s="33"/>
      <c r="W66" s="59" t="s">
        <v>30</v>
      </c>
      <c r="X66" s="27"/>
      <c r="Y66" s="27"/>
      <c r="Z66" s="27"/>
      <c r="AA66" s="27"/>
      <c r="AB66" s="28"/>
      <c r="AC66" s="28"/>
      <c r="AD66" s="28"/>
      <c r="AE66" s="28"/>
      <c r="AF66" s="28"/>
      <c r="AG66" s="28"/>
      <c r="AH66" s="28"/>
      <c r="AI66" s="28"/>
      <c r="AJ66" s="28"/>
      <c r="AK66" s="29"/>
      <c r="AL66" s="29"/>
      <c r="AM66" s="30"/>
    </row>
    <row r="67" spans="1:39" s="46" customFormat="1" ht="9.75" customHeight="1">
      <c r="A67" s="47"/>
      <c r="B67" s="75"/>
      <c r="C67" s="33"/>
      <c r="D67" s="34"/>
      <c r="E67" s="176"/>
      <c r="F67" s="179"/>
      <c r="G67" s="33"/>
      <c r="H67" s="59"/>
      <c r="I67" s="33"/>
      <c r="J67" s="59"/>
      <c r="K67" s="60"/>
      <c r="L67" s="60"/>
      <c r="M67" s="61"/>
      <c r="N67" s="61"/>
      <c r="O67" s="58"/>
      <c r="P67" s="33"/>
      <c r="Q67" s="59"/>
      <c r="R67" s="33"/>
      <c r="S67" s="62"/>
      <c r="T67" s="63"/>
      <c r="U67" s="59"/>
      <c r="V67" s="33"/>
      <c r="W67" s="59"/>
      <c r="X67" s="27"/>
      <c r="Y67" s="27"/>
      <c r="Z67" s="27"/>
      <c r="AA67" s="27"/>
      <c r="AB67" s="28"/>
      <c r="AC67" s="28"/>
      <c r="AD67" s="28"/>
      <c r="AE67" s="28"/>
      <c r="AF67" s="28"/>
      <c r="AG67" s="28"/>
      <c r="AH67" s="28"/>
      <c r="AI67" s="28"/>
      <c r="AJ67" s="28"/>
      <c r="AK67" s="29"/>
      <c r="AL67" s="29"/>
      <c r="AM67" s="30"/>
    </row>
    <row r="68" spans="1:39" s="46" customFormat="1" ht="9.75" customHeight="1">
      <c r="A68" s="47"/>
      <c r="B68" s="39"/>
      <c r="C68" s="33"/>
      <c r="D68" s="34"/>
      <c r="E68" s="33"/>
      <c r="F68" s="34"/>
      <c r="G68" s="33"/>
      <c r="H68" s="59"/>
      <c r="I68" s="33"/>
      <c r="J68" s="59"/>
      <c r="K68" s="60"/>
      <c r="L68" s="60"/>
      <c r="M68" s="61"/>
      <c r="N68" s="185" t="s">
        <v>21</v>
      </c>
      <c r="O68" s="188" t="s">
        <v>772</v>
      </c>
      <c r="P68" s="48"/>
      <c r="Q68" s="50"/>
      <c r="R68" s="48"/>
      <c r="S68" s="53"/>
      <c r="T68" s="54"/>
      <c r="U68" s="50"/>
      <c r="V68" s="48"/>
      <c r="W68" s="50"/>
      <c r="X68" s="55" t="s">
        <v>3</v>
      </c>
      <c r="Y68" s="55"/>
      <c r="Z68" s="55"/>
      <c r="AA68" s="55"/>
      <c r="AB68" s="56"/>
      <c r="AC68" s="56"/>
      <c r="AD68" s="56"/>
      <c r="AE68" s="56"/>
      <c r="AF68" s="56"/>
      <c r="AG68" s="56"/>
      <c r="AH68" s="56"/>
      <c r="AI68" s="56"/>
      <c r="AJ68" s="56"/>
      <c r="AK68" s="19"/>
      <c r="AL68" s="19"/>
      <c r="AM68" s="26"/>
    </row>
    <row r="69" spans="1:39" s="46" customFormat="1" ht="9.75" customHeight="1">
      <c r="A69" s="57"/>
      <c r="B69" s="58"/>
      <c r="C69" s="33"/>
      <c r="D69" s="34"/>
      <c r="E69" s="33"/>
      <c r="F69" s="34"/>
      <c r="G69" s="33"/>
      <c r="H69" s="59"/>
      <c r="I69" s="33"/>
      <c r="J69" s="59"/>
      <c r="K69" s="60"/>
      <c r="L69" s="60"/>
      <c r="M69" s="61"/>
      <c r="N69" s="186"/>
      <c r="O69" s="179"/>
      <c r="P69" s="33"/>
      <c r="Q69" s="59" t="s">
        <v>770</v>
      </c>
      <c r="R69" s="33" t="s">
        <v>771</v>
      </c>
      <c r="S69" s="62"/>
      <c r="T69" s="63" t="s">
        <v>771</v>
      </c>
      <c r="U69" s="59" t="s">
        <v>30</v>
      </c>
      <c r="V69" s="33"/>
      <c r="W69" s="59" t="s">
        <v>30</v>
      </c>
      <c r="X69" s="27"/>
      <c r="Y69" s="27"/>
      <c r="Z69" s="27"/>
      <c r="AA69" s="27"/>
      <c r="AB69" s="28"/>
      <c r="AC69" s="28"/>
      <c r="AD69" s="28"/>
      <c r="AE69" s="28"/>
      <c r="AF69" s="28"/>
      <c r="AG69" s="28"/>
      <c r="AH69" s="28"/>
      <c r="AI69" s="28"/>
      <c r="AJ69" s="28"/>
      <c r="AK69" s="29"/>
      <c r="AL69" s="29"/>
      <c r="AM69" s="30"/>
    </row>
    <row r="70" spans="1:39" s="46" customFormat="1" ht="9.75" customHeight="1">
      <c r="A70" s="57"/>
      <c r="B70" s="58"/>
      <c r="C70" s="64"/>
      <c r="D70" s="77"/>
      <c r="E70" s="64"/>
      <c r="F70" s="77"/>
      <c r="G70" s="64"/>
      <c r="H70" s="66"/>
      <c r="I70" s="64"/>
      <c r="J70" s="66"/>
      <c r="K70" s="67"/>
      <c r="L70" s="67"/>
      <c r="M70" s="68"/>
      <c r="N70" s="187"/>
      <c r="O70" s="180"/>
      <c r="P70" s="64"/>
      <c r="Q70" s="66"/>
      <c r="R70" s="64"/>
      <c r="S70" s="69"/>
      <c r="T70" s="70"/>
      <c r="U70" s="66"/>
      <c r="V70" s="64"/>
      <c r="W70" s="66"/>
      <c r="X70" s="71"/>
      <c r="Y70" s="71"/>
      <c r="Z70" s="71"/>
      <c r="AA70" s="71"/>
      <c r="AB70" s="72"/>
      <c r="AC70" s="72"/>
      <c r="AD70" s="72"/>
      <c r="AE70" s="72"/>
      <c r="AF70" s="72"/>
      <c r="AG70" s="72"/>
      <c r="AH70" s="72"/>
      <c r="AI70" s="72"/>
      <c r="AJ70" s="72"/>
      <c r="AK70" s="73"/>
      <c r="AL70" s="73"/>
      <c r="AM70" s="74"/>
    </row>
    <row r="71" spans="1:39" s="46" customFormat="1" ht="9.75" customHeight="1">
      <c r="A71" s="47"/>
      <c r="B71" s="75"/>
      <c r="C71" s="175" t="s">
        <v>293</v>
      </c>
      <c r="D71" s="178" t="s">
        <v>58</v>
      </c>
      <c r="E71" s="48"/>
      <c r="F71" s="49"/>
      <c r="G71" s="48"/>
      <c r="H71" s="50"/>
      <c r="I71" s="48"/>
      <c r="J71" s="50"/>
      <c r="K71" s="51"/>
      <c r="L71" s="51"/>
      <c r="M71" s="52"/>
      <c r="N71" s="52"/>
      <c r="O71" s="76"/>
      <c r="P71" s="48"/>
      <c r="Q71" s="50"/>
      <c r="R71" s="48"/>
      <c r="S71" s="53"/>
      <c r="T71" s="54"/>
      <c r="U71" s="50"/>
      <c r="V71" s="48"/>
      <c r="W71" s="50"/>
      <c r="X71" s="55" t="s">
        <v>3</v>
      </c>
      <c r="Y71" s="55"/>
      <c r="Z71" s="55"/>
      <c r="AA71" s="55"/>
      <c r="AB71" s="56"/>
      <c r="AC71" s="56"/>
      <c r="AD71" s="56"/>
      <c r="AE71" s="56"/>
      <c r="AF71" s="56"/>
      <c r="AG71" s="56"/>
      <c r="AH71" s="56"/>
      <c r="AI71" s="56"/>
      <c r="AJ71" s="56"/>
      <c r="AK71" s="19"/>
      <c r="AL71" s="19"/>
      <c r="AM71" s="26"/>
    </row>
    <row r="72" spans="1:39" s="46" customFormat="1" ht="9.75" customHeight="1">
      <c r="A72" s="47"/>
      <c r="B72" s="75"/>
      <c r="C72" s="176"/>
      <c r="D72" s="179"/>
      <c r="E72" s="33"/>
      <c r="F72" s="34"/>
      <c r="G72" s="33"/>
      <c r="H72" s="59" t="s">
        <v>773</v>
      </c>
      <c r="I72" s="33"/>
      <c r="J72" s="59" t="s">
        <v>774</v>
      </c>
      <c r="K72" s="60" t="s">
        <v>30</v>
      </c>
      <c r="L72" s="60" t="s">
        <v>775</v>
      </c>
      <c r="M72" s="61"/>
      <c r="N72" s="61"/>
      <c r="O72" s="58"/>
      <c r="P72" s="33"/>
      <c r="Q72" s="59"/>
      <c r="R72" s="33" t="s">
        <v>776</v>
      </c>
      <c r="S72" s="62"/>
      <c r="T72" s="63" t="s">
        <v>776</v>
      </c>
      <c r="U72" s="59" t="s">
        <v>30</v>
      </c>
      <c r="V72" s="33"/>
      <c r="W72" s="59" t="s">
        <v>30</v>
      </c>
      <c r="X72" s="27"/>
      <c r="Y72" s="27"/>
      <c r="Z72" s="27"/>
      <c r="AA72" s="27"/>
      <c r="AB72" s="28"/>
      <c r="AC72" s="28"/>
      <c r="AD72" s="28"/>
      <c r="AE72" s="28"/>
      <c r="AF72" s="28"/>
      <c r="AG72" s="28"/>
      <c r="AH72" s="28"/>
      <c r="AI72" s="28"/>
      <c r="AJ72" s="28"/>
      <c r="AK72" s="29"/>
      <c r="AL72" s="29"/>
      <c r="AM72" s="30"/>
    </row>
    <row r="73" spans="1:39" s="46" customFormat="1" ht="9.75" customHeight="1">
      <c r="A73" s="47"/>
      <c r="B73" s="75"/>
      <c r="C73" s="176"/>
      <c r="D73" s="179"/>
      <c r="E73" s="33"/>
      <c r="F73" s="34"/>
      <c r="G73" s="33"/>
      <c r="H73" s="59"/>
      <c r="I73" s="33"/>
      <c r="J73" s="59"/>
      <c r="K73" s="60"/>
      <c r="L73" s="60"/>
      <c r="M73" s="61"/>
      <c r="N73" s="61"/>
      <c r="O73" s="58"/>
      <c r="P73" s="33"/>
      <c r="Q73" s="59"/>
      <c r="R73" s="33"/>
      <c r="S73" s="62"/>
      <c r="T73" s="63"/>
      <c r="U73" s="59"/>
      <c r="V73" s="33"/>
      <c r="W73" s="59"/>
      <c r="X73" s="27"/>
      <c r="Y73" s="27"/>
      <c r="Z73" s="27"/>
      <c r="AA73" s="27"/>
      <c r="AB73" s="28"/>
      <c r="AC73" s="28"/>
      <c r="AD73" s="28"/>
      <c r="AE73" s="28"/>
      <c r="AF73" s="28"/>
      <c r="AG73" s="28"/>
      <c r="AH73" s="28"/>
      <c r="AI73" s="28"/>
      <c r="AJ73" s="28"/>
      <c r="AK73" s="29"/>
      <c r="AL73" s="29"/>
      <c r="AM73" s="30"/>
    </row>
    <row r="74" spans="1:39" s="46" customFormat="1" ht="9.75" customHeight="1">
      <c r="A74" s="47"/>
      <c r="B74" s="39"/>
      <c r="C74" s="33"/>
      <c r="D74" s="34"/>
      <c r="E74" s="175" t="s">
        <v>21</v>
      </c>
      <c r="F74" s="188" t="s">
        <v>777</v>
      </c>
      <c r="G74" s="48"/>
      <c r="H74" s="50"/>
      <c r="I74" s="48"/>
      <c r="J74" s="50"/>
      <c r="K74" s="51"/>
      <c r="L74" s="51"/>
      <c r="M74" s="52"/>
      <c r="N74" s="52"/>
      <c r="O74" s="49"/>
      <c r="P74" s="48"/>
      <c r="Q74" s="50"/>
      <c r="R74" s="48"/>
      <c r="S74" s="53"/>
      <c r="T74" s="54"/>
      <c r="U74" s="50"/>
      <c r="V74" s="48"/>
      <c r="W74" s="50"/>
      <c r="X74" s="55" t="s">
        <v>3</v>
      </c>
      <c r="Y74" s="55"/>
      <c r="Z74" s="55"/>
      <c r="AA74" s="55"/>
      <c r="AB74" s="56"/>
      <c r="AC74" s="56"/>
      <c r="AD74" s="56"/>
      <c r="AE74" s="56"/>
      <c r="AF74" s="56"/>
      <c r="AG74" s="56"/>
      <c r="AH74" s="56"/>
      <c r="AI74" s="56"/>
      <c r="AJ74" s="56"/>
      <c r="AK74" s="19"/>
      <c r="AL74" s="19"/>
      <c r="AM74" s="26"/>
    </row>
    <row r="75" spans="1:39" s="46" customFormat="1" ht="9.75" customHeight="1">
      <c r="A75" s="57"/>
      <c r="B75" s="58"/>
      <c r="C75" s="33"/>
      <c r="D75" s="34"/>
      <c r="E75" s="176"/>
      <c r="F75" s="179"/>
      <c r="G75" s="33"/>
      <c r="H75" s="59" t="s">
        <v>778</v>
      </c>
      <c r="I75" s="33"/>
      <c r="J75" s="59" t="s">
        <v>774</v>
      </c>
      <c r="K75" s="60" t="s">
        <v>30</v>
      </c>
      <c r="L75" s="60" t="s">
        <v>779</v>
      </c>
      <c r="M75" s="61"/>
      <c r="N75" s="61"/>
      <c r="O75" s="34"/>
      <c r="P75" s="33"/>
      <c r="Q75" s="59"/>
      <c r="R75" s="33" t="s">
        <v>780</v>
      </c>
      <c r="S75" s="62"/>
      <c r="T75" s="63" t="s">
        <v>780</v>
      </c>
      <c r="U75" s="59" t="s">
        <v>30</v>
      </c>
      <c r="V75" s="33"/>
      <c r="W75" s="59" t="s">
        <v>30</v>
      </c>
      <c r="X75" s="27"/>
      <c r="Y75" s="27"/>
      <c r="Z75" s="27"/>
      <c r="AA75" s="27"/>
      <c r="AB75" s="28"/>
      <c r="AC75" s="28"/>
      <c r="AD75" s="28"/>
      <c r="AE75" s="28"/>
      <c r="AF75" s="28"/>
      <c r="AG75" s="28"/>
      <c r="AH75" s="28"/>
      <c r="AI75" s="28"/>
      <c r="AJ75" s="28"/>
      <c r="AK75" s="29"/>
      <c r="AL75" s="29"/>
      <c r="AM75" s="30"/>
    </row>
    <row r="76" spans="1:39" s="46" customFormat="1" ht="9.75" customHeight="1">
      <c r="A76" s="57"/>
      <c r="B76" s="58"/>
      <c r="C76" s="33"/>
      <c r="D76" s="34"/>
      <c r="E76" s="177"/>
      <c r="F76" s="180"/>
      <c r="G76" s="33"/>
      <c r="H76" s="59"/>
      <c r="I76" s="33"/>
      <c r="J76" s="59"/>
      <c r="K76" s="60"/>
      <c r="L76" s="60"/>
      <c r="M76" s="61"/>
      <c r="N76" s="61"/>
      <c r="O76" s="34"/>
      <c r="P76" s="33"/>
      <c r="Q76" s="59"/>
      <c r="R76" s="33"/>
      <c r="S76" s="62"/>
      <c r="T76" s="63"/>
      <c r="U76" s="59"/>
      <c r="V76" s="33"/>
      <c r="W76" s="59"/>
      <c r="X76" s="27"/>
      <c r="Y76" s="27"/>
      <c r="Z76" s="27"/>
      <c r="AA76" s="27"/>
      <c r="AB76" s="28"/>
      <c r="AC76" s="28"/>
      <c r="AD76" s="28"/>
      <c r="AE76" s="28"/>
      <c r="AF76" s="28"/>
      <c r="AG76" s="28"/>
      <c r="AH76" s="28"/>
      <c r="AI76" s="28"/>
      <c r="AJ76" s="28"/>
      <c r="AK76" s="29"/>
      <c r="AL76" s="29"/>
      <c r="AM76" s="30"/>
    </row>
    <row r="77" spans="1:39" s="46" customFormat="1" ht="9.75" customHeight="1">
      <c r="A77" s="47"/>
      <c r="B77" s="75"/>
      <c r="C77" s="33"/>
      <c r="D77" s="34"/>
      <c r="E77" s="175" t="s">
        <v>36</v>
      </c>
      <c r="F77" s="189" t="s">
        <v>781</v>
      </c>
      <c r="G77" s="48"/>
      <c r="H77" s="50"/>
      <c r="I77" s="48"/>
      <c r="J77" s="50"/>
      <c r="K77" s="51"/>
      <c r="L77" s="51"/>
      <c r="M77" s="52"/>
      <c r="N77" s="52"/>
      <c r="O77" s="76"/>
      <c r="P77" s="48"/>
      <c r="Q77" s="50"/>
      <c r="R77" s="48"/>
      <c r="S77" s="53"/>
      <c r="T77" s="54"/>
      <c r="U77" s="50"/>
      <c r="V77" s="48"/>
      <c r="W77" s="50"/>
      <c r="X77" s="55" t="s">
        <v>3</v>
      </c>
      <c r="Y77" s="55"/>
      <c r="Z77" s="55"/>
      <c r="AA77" s="55"/>
      <c r="AB77" s="56"/>
      <c r="AC77" s="56"/>
      <c r="AD77" s="56"/>
      <c r="AE77" s="56"/>
      <c r="AF77" s="56"/>
      <c r="AG77" s="56"/>
      <c r="AH77" s="56"/>
      <c r="AI77" s="56"/>
      <c r="AJ77" s="56"/>
      <c r="AK77" s="19"/>
      <c r="AL77" s="19"/>
      <c r="AM77" s="26"/>
    </row>
    <row r="78" spans="1:39" s="46" customFormat="1" ht="9.75" customHeight="1">
      <c r="A78" s="47"/>
      <c r="B78" s="75"/>
      <c r="C78" s="33"/>
      <c r="D78" s="34"/>
      <c r="E78" s="176"/>
      <c r="F78" s="190"/>
      <c r="G78" s="33"/>
      <c r="H78" s="59" t="s">
        <v>782</v>
      </c>
      <c r="I78" s="33"/>
      <c r="J78" s="59" t="s">
        <v>30</v>
      </c>
      <c r="K78" s="60" t="s">
        <v>30</v>
      </c>
      <c r="L78" s="60" t="s">
        <v>782</v>
      </c>
      <c r="M78" s="61"/>
      <c r="N78" s="61"/>
      <c r="O78" s="58"/>
      <c r="P78" s="33"/>
      <c r="Q78" s="59"/>
      <c r="R78" s="33" t="s">
        <v>783</v>
      </c>
      <c r="S78" s="62"/>
      <c r="T78" s="63" t="s">
        <v>783</v>
      </c>
      <c r="U78" s="59" t="s">
        <v>30</v>
      </c>
      <c r="V78" s="33"/>
      <c r="W78" s="59" t="s">
        <v>30</v>
      </c>
      <c r="X78" s="27"/>
      <c r="Y78" s="27"/>
      <c r="Z78" s="27"/>
      <c r="AA78" s="27"/>
      <c r="AB78" s="28"/>
      <c r="AC78" s="28"/>
      <c r="AD78" s="28"/>
      <c r="AE78" s="28"/>
      <c r="AF78" s="28"/>
      <c r="AG78" s="28"/>
      <c r="AH78" s="28"/>
      <c r="AI78" s="28"/>
      <c r="AJ78" s="28"/>
      <c r="AK78" s="29"/>
      <c r="AL78" s="29"/>
      <c r="AM78" s="30"/>
    </row>
    <row r="79" spans="1:39" s="46" customFormat="1" ht="9.75" customHeight="1">
      <c r="A79" s="47"/>
      <c r="B79" s="75"/>
      <c r="C79" s="33"/>
      <c r="D79" s="34"/>
      <c r="E79" s="177"/>
      <c r="F79" s="191"/>
      <c r="G79" s="33"/>
      <c r="H79" s="59"/>
      <c r="I79" s="33"/>
      <c r="J79" s="59"/>
      <c r="K79" s="60"/>
      <c r="L79" s="60"/>
      <c r="M79" s="61"/>
      <c r="N79" s="61"/>
      <c r="O79" s="58"/>
      <c r="P79" s="33"/>
      <c r="Q79" s="59"/>
      <c r="R79" s="33"/>
      <c r="S79" s="62"/>
      <c r="T79" s="63"/>
      <c r="U79" s="59"/>
      <c r="V79" s="33"/>
      <c r="W79" s="59"/>
      <c r="X79" s="27"/>
      <c r="Y79" s="27"/>
      <c r="Z79" s="27"/>
      <c r="AA79" s="27"/>
      <c r="AB79" s="28"/>
      <c r="AC79" s="28"/>
      <c r="AD79" s="28"/>
      <c r="AE79" s="28"/>
      <c r="AF79" s="28"/>
      <c r="AG79" s="28"/>
      <c r="AH79" s="28"/>
      <c r="AI79" s="28"/>
      <c r="AJ79" s="28"/>
      <c r="AK79" s="29"/>
      <c r="AL79" s="29"/>
      <c r="AM79" s="30"/>
    </row>
    <row r="80" spans="1:39" s="46" customFormat="1" ht="9.75" customHeight="1">
      <c r="A80" s="47"/>
      <c r="B80" s="75"/>
      <c r="C80" s="33"/>
      <c r="D80" s="34"/>
      <c r="E80" s="175" t="s">
        <v>52</v>
      </c>
      <c r="F80" s="188" t="s">
        <v>784</v>
      </c>
      <c r="G80" s="48"/>
      <c r="H80" s="50"/>
      <c r="I80" s="48"/>
      <c r="J80" s="50"/>
      <c r="K80" s="51"/>
      <c r="L80" s="51"/>
      <c r="M80" s="52"/>
      <c r="N80" s="52"/>
      <c r="O80" s="76"/>
      <c r="P80" s="48"/>
      <c r="Q80" s="50"/>
      <c r="R80" s="48"/>
      <c r="S80" s="53"/>
      <c r="T80" s="54"/>
      <c r="U80" s="50"/>
      <c r="V80" s="48"/>
      <c r="W80" s="50"/>
      <c r="X80" s="55" t="s">
        <v>3</v>
      </c>
      <c r="Y80" s="55"/>
      <c r="Z80" s="55"/>
      <c r="AA80" s="55"/>
      <c r="AB80" s="56"/>
      <c r="AC80" s="56"/>
      <c r="AD80" s="56"/>
      <c r="AE80" s="56"/>
      <c r="AF80" s="56"/>
      <c r="AG80" s="56"/>
      <c r="AH80" s="56"/>
      <c r="AI80" s="56"/>
      <c r="AJ80" s="56"/>
      <c r="AK80" s="19"/>
      <c r="AL80" s="19"/>
      <c r="AM80" s="26"/>
    </row>
    <row r="81" spans="1:41" s="46" customFormat="1" ht="9.75" customHeight="1">
      <c r="A81" s="47"/>
      <c r="B81" s="75"/>
      <c r="C81" s="33"/>
      <c r="D81" s="34"/>
      <c r="E81" s="176"/>
      <c r="F81" s="179"/>
      <c r="G81" s="33"/>
      <c r="H81" s="59" t="s">
        <v>785</v>
      </c>
      <c r="I81" s="33"/>
      <c r="J81" s="59" t="s">
        <v>30</v>
      </c>
      <c r="K81" s="60" t="s">
        <v>30</v>
      </c>
      <c r="L81" s="60" t="s">
        <v>785</v>
      </c>
      <c r="M81" s="61"/>
      <c r="N81" s="61"/>
      <c r="O81" s="58"/>
      <c r="P81" s="33"/>
      <c r="Q81" s="59"/>
      <c r="R81" s="33" t="s">
        <v>785</v>
      </c>
      <c r="S81" s="62"/>
      <c r="T81" s="63" t="s">
        <v>785</v>
      </c>
      <c r="U81" s="59" t="s">
        <v>30</v>
      </c>
      <c r="V81" s="33"/>
      <c r="W81" s="59" t="s">
        <v>30</v>
      </c>
      <c r="X81" s="27"/>
      <c r="Y81" s="27"/>
      <c r="Z81" s="27"/>
      <c r="AA81" s="27"/>
      <c r="AB81" s="28"/>
      <c r="AC81" s="28"/>
      <c r="AD81" s="28"/>
      <c r="AE81" s="28"/>
      <c r="AF81" s="28"/>
      <c r="AG81" s="28"/>
      <c r="AH81" s="28"/>
      <c r="AI81" s="28"/>
      <c r="AJ81" s="28"/>
      <c r="AK81" s="29"/>
      <c r="AL81" s="29"/>
      <c r="AM81" s="30"/>
    </row>
    <row r="82" spans="1:41" s="46" customFormat="1" ht="9.75" customHeight="1">
      <c r="A82" s="47"/>
      <c r="B82" s="75"/>
      <c r="C82" s="33"/>
      <c r="D82" s="34"/>
      <c r="E82" s="177"/>
      <c r="F82" s="180"/>
      <c r="G82" s="33"/>
      <c r="H82" s="59"/>
      <c r="I82" s="33"/>
      <c r="J82" s="59"/>
      <c r="K82" s="60"/>
      <c r="L82" s="60"/>
      <c r="M82" s="61"/>
      <c r="N82" s="61"/>
      <c r="O82" s="58"/>
      <c r="P82" s="33"/>
      <c r="Q82" s="59"/>
      <c r="R82" s="33"/>
      <c r="S82" s="62"/>
      <c r="T82" s="63"/>
      <c r="U82" s="59"/>
      <c r="V82" s="33"/>
      <c r="W82" s="59"/>
      <c r="X82" s="27"/>
      <c r="Y82" s="27"/>
      <c r="Z82" s="27"/>
      <c r="AA82" s="27"/>
      <c r="AB82" s="28"/>
      <c r="AC82" s="28"/>
      <c r="AD82" s="28"/>
      <c r="AE82" s="28"/>
      <c r="AF82" s="28"/>
      <c r="AG82" s="28"/>
      <c r="AH82" s="28"/>
      <c r="AI82" s="28"/>
      <c r="AJ82" s="28"/>
      <c r="AK82" s="29"/>
      <c r="AL82" s="29"/>
      <c r="AM82" s="30"/>
    </row>
    <row r="83" spans="1:41" s="46" customFormat="1" ht="9.75" customHeight="1">
      <c r="A83" s="47"/>
      <c r="B83" s="75"/>
      <c r="C83" s="33"/>
      <c r="D83" s="34"/>
      <c r="E83" s="175" t="s">
        <v>57</v>
      </c>
      <c r="F83" s="188" t="s">
        <v>786</v>
      </c>
      <c r="G83" s="48"/>
      <c r="H83" s="50"/>
      <c r="I83" s="48"/>
      <c r="J83" s="50"/>
      <c r="K83" s="51"/>
      <c r="L83" s="51"/>
      <c r="M83" s="52"/>
      <c r="N83" s="52"/>
      <c r="O83" s="76"/>
      <c r="P83" s="48"/>
      <c r="Q83" s="50"/>
      <c r="R83" s="48"/>
      <c r="S83" s="53"/>
      <c r="T83" s="54"/>
      <c r="U83" s="50"/>
      <c r="V83" s="48"/>
      <c r="W83" s="50"/>
      <c r="X83" s="55" t="s">
        <v>3</v>
      </c>
      <c r="Y83" s="55"/>
      <c r="Z83" s="55"/>
      <c r="AA83" s="55"/>
      <c r="AB83" s="56"/>
      <c r="AC83" s="56"/>
      <c r="AD83" s="56"/>
      <c r="AE83" s="56"/>
      <c r="AF83" s="56"/>
      <c r="AG83" s="56"/>
      <c r="AH83" s="56"/>
      <c r="AI83" s="56"/>
      <c r="AJ83" s="56"/>
      <c r="AK83" s="19"/>
      <c r="AL83" s="19"/>
      <c r="AM83" s="26"/>
    </row>
    <row r="84" spans="1:41" s="46" customFormat="1" ht="9.75" customHeight="1">
      <c r="A84" s="47"/>
      <c r="B84" s="75"/>
      <c r="C84" s="33"/>
      <c r="D84" s="34"/>
      <c r="E84" s="176"/>
      <c r="F84" s="179"/>
      <c r="G84" s="33"/>
      <c r="H84" s="59" t="s">
        <v>30</v>
      </c>
      <c r="I84" s="33"/>
      <c r="J84" s="59" t="s">
        <v>30</v>
      </c>
      <c r="K84" s="60" t="s">
        <v>30</v>
      </c>
      <c r="L84" s="60" t="s">
        <v>30</v>
      </c>
      <c r="M84" s="61"/>
      <c r="N84" s="61"/>
      <c r="O84" s="58"/>
      <c r="P84" s="33"/>
      <c r="Q84" s="59"/>
      <c r="R84" s="33" t="s">
        <v>787</v>
      </c>
      <c r="S84" s="62"/>
      <c r="T84" s="63" t="s">
        <v>787</v>
      </c>
      <c r="U84" s="59" t="s">
        <v>30</v>
      </c>
      <c r="V84" s="33"/>
      <c r="W84" s="59" t="s">
        <v>30</v>
      </c>
      <c r="X84" s="27"/>
      <c r="Y84" s="27"/>
      <c r="Z84" s="27"/>
      <c r="AA84" s="27"/>
      <c r="AB84" s="28"/>
      <c r="AC84" s="28"/>
      <c r="AD84" s="28"/>
      <c r="AE84" s="28"/>
      <c r="AF84" s="28"/>
      <c r="AG84" s="28"/>
      <c r="AH84" s="28"/>
      <c r="AI84" s="28"/>
      <c r="AJ84" s="28"/>
      <c r="AK84" s="29"/>
      <c r="AL84" s="29"/>
      <c r="AM84" s="30"/>
    </row>
    <row r="85" spans="1:41" s="46" customFormat="1" ht="9.75" customHeight="1">
      <c r="A85" s="167"/>
      <c r="B85" s="168"/>
      <c r="C85" s="95"/>
      <c r="D85" s="169"/>
      <c r="E85" s="263"/>
      <c r="F85" s="261"/>
      <c r="G85" s="95"/>
      <c r="H85" s="96"/>
      <c r="I85" s="95"/>
      <c r="J85" s="96"/>
      <c r="K85" s="97"/>
      <c r="L85" s="97"/>
      <c r="M85" s="98"/>
      <c r="N85" s="98"/>
      <c r="O85" s="99"/>
      <c r="P85" s="95"/>
      <c r="Q85" s="96"/>
      <c r="R85" s="95"/>
      <c r="S85" s="100"/>
      <c r="T85" s="101"/>
      <c r="U85" s="96"/>
      <c r="V85" s="95"/>
      <c r="W85" s="96"/>
      <c r="X85" s="163"/>
      <c r="Y85" s="163"/>
      <c r="Z85" s="163"/>
      <c r="AA85" s="163"/>
      <c r="AB85" s="164"/>
      <c r="AC85" s="164"/>
      <c r="AD85" s="164"/>
      <c r="AE85" s="164"/>
      <c r="AF85" s="164"/>
      <c r="AG85" s="164"/>
      <c r="AH85" s="164"/>
      <c r="AI85" s="164"/>
      <c r="AJ85" s="164"/>
      <c r="AK85" s="165"/>
      <c r="AL85" s="165"/>
      <c r="AM85" s="166"/>
    </row>
    <row r="86" spans="1:41" ht="9.75" customHeight="1">
      <c r="X86" s="32"/>
      <c r="Y86" s="32"/>
      <c r="Z86" s="32"/>
      <c r="AA86" s="32"/>
      <c r="AB86" s="32"/>
      <c r="AC86" s="32"/>
      <c r="AD86" s="32"/>
      <c r="AE86" s="32"/>
      <c r="AF86" s="32"/>
      <c r="AG86" s="32"/>
      <c r="AH86" s="32"/>
      <c r="AI86" s="32"/>
      <c r="AJ86" s="32"/>
      <c r="AK86" s="32"/>
      <c r="AL86" s="32"/>
      <c r="AM86" s="32"/>
    </row>
    <row r="90" spans="1:41" s="3" customFormat="1" ht="22.5" customHeight="1">
      <c r="A90" s="221"/>
      <c r="B90" s="221"/>
      <c r="C90" s="221"/>
      <c r="D90" s="221"/>
      <c r="E90" s="221"/>
      <c r="F90" s="221"/>
      <c r="G90" s="221"/>
      <c r="H90" s="221"/>
      <c r="I90" s="221"/>
      <c r="J90" s="221"/>
      <c r="K90" s="221"/>
      <c r="L90" s="221"/>
      <c r="M90" s="1"/>
      <c r="N90" s="222"/>
      <c r="O90" s="222"/>
      <c r="P90" s="222"/>
      <c r="Q90" s="222"/>
      <c r="R90" s="222"/>
      <c r="S90" s="222"/>
      <c r="T90" s="222"/>
      <c r="U90" s="222"/>
      <c r="V90" s="222"/>
      <c r="W90" s="222"/>
      <c r="X90" s="222"/>
      <c r="Y90" s="222"/>
      <c r="Z90" s="222"/>
      <c r="AA90" s="222"/>
      <c r="AB90" s="222"/>
      <c r="AC90" s="222"/>
      <c r="AD90" s="222"/>
      <c r="AE90" s="222"/>
      <c r="AF90" s="222"/>
      <c r="AG90" s="222"/>
      <c r="AH90" s="222"/>
      <c r="AI90" s="222"/>
      <c r="AJ90" s="222"/>
      <c r="AK90" s="222"/>
      <c r="AL90" s="222"/>
      <c r="AM90" s="222"/>
      <c r="AN90" s="2"/>
      <c r="AO90" s="2"/>
    </row>
    <row r="91" spans="1:41" s="3" customFormat="1" ht="11.25" customHeight="1">
      <c r="A91" s="4"/>
      <c r="B91" s="4"/>
      <c r="C91" s="4"/>
      <c r="D91" s="4"/>
      <c r="E91" s="4"/>
      <c r="F91" s="4"/>
      <c r="G91" s="4"/>
      <c r="H91" s="4"/>
      <c r="I91" s="4"/>
      <c r="J91" s="4"/>
      <c r="K91" s="4"/>
      <c r="L91" s="4"/>
      <c r="M91" s="4"/>
      <c r="N91" s="4"/>
      <c r="O91" s="4"/>
      <c r="P91" s="4"/>
      <c r="Q91" s="4"/>
      <c r="R91" s="4"/>
      <c r="S91" s="4"/>
      <c r="T91" s="4"/>
      <c r="U91" s="4"/>
      <c r="V91" s="4"/>
      <c r="W91" s="4"/>
      <c r="X91" s="4"/>
      <c r="Y91" s="4"/>
      <c r="Z91" s="4"/>
      <c r="AA91" s="4"/>
      <c r="AB91" s="4"/>
      <c r="AC91" s="4"/>
      <c r="AD91" s="4"/>
      <c r="AE91" s="4"/>
      <c r="AF91" s="4"/>
      <c r="AG91" s="4"/>
      <c r="AH91" s="4"/>
      <c r="AI91" s="4"/>
      <c r="AJ91" s="4"/>
      <c r="AK91" s="4"/>
      <c r="AL91" s="4"/>
      <c r="AM91" s="5"/>
      <c r="AN91" s="4"/>
      <c r="AO91" s="4"/>
    </row>
    <row r="92" spans="1:41" s="11" customFormat="1" ht="26.25" customHeight="1">
      <c r="A92" s="6"/>
      <c r="B92" s="7" t="s">
        <v>2</v>
      </c>
      <c r="C92" s="8"/>
      <c r="D92" s="9" t="s">
        <v>788</v>
      </c>
      <c r="E92" s="6"/>
      <c r="F92" s="6"/>
      <c r="G92" s="6"/>
      <c r="H92" s="6"/>
      <c r="I92" s="6"/>
      <c r="J92" s="6"/>
      <c r="K92" s="6"/>
      <c r="L92" s="6"/>
      <c r="M92" s="6"/>
      <c r="N92" s="6"/>
      <c r="O92" s="6"/>
      <c r="P92" s="6"/>
      <c r="Q92" s="6"/>
      <c r="R92" s="6"/>
      <c r="S92" s="6"/>
      <c r="T92" s="6"/>
      <c r="U92" s="6"/>
      <c r="V92" s="6"/>
      <c r="W92" s="6"/>
      <c r="X92" s="6"/>
      <c r="Y92" s="6"/>
      <c r="Z92" s="6"/>
      <c r="AA92" s="6"/>
      <c r="AB92" s="6"/>
      <c r="AC92" s="6"/>
      <c r="AD92" s="6"/>
      <c r="AE92" s="6"/>
      <c r="AF92" s="6"/>
      <c r="AG92" s="6"/>
      <c r="AH92" s="6"/>
      <c r="AI92" s="6"/>
      <c r="AJ92" s="6"/>
      <c r="AK92" s="6"/>
      <c r="AL92" s="6"/>
      <c r="AM92" s="10" t="s">
        <v>3</v>
      </c>
      <c r="AN92" s="6"/>
      <c r="AO92" s="6"/>
    </row>
    <row r="93" spans="1:41" ht="13.5" customHeight="1">
      <c r="A93" s="223" t="s">
        <v>4</v>
      </c>
      <c r="B93" s="224"/>
      <c r="C93" s="195" t="s">
        <v>5</v>
      </c>
      <c r="D93" s="224"/>
      <c r="E93" s="195" t="s">
        <v>6</v>
      </c>
      <c r="F93" s="224"/>
      <c r="G93" s="227" t="s">
        <v>7</v>
      </c>
      <c r="H93" s="228"/>
      <c r="I93" s="228"/>
      <c r="J93" s="228"/>
      <c r="K93" s="228"/>
      <c r="L93" s="228"/>
      <c r="M93" s="228"/>
      <c r="N93" s="228"/>
      <c r="O93" s="228"/>
      <c r="P93" s="228"/>
      <c r="Q93" s="229"/>
      <c r="R93" s="195" t="s">
        <v>8</v>
      </c>
      <c r="S93" s="223" t="s">
        <v>9</v>
      </c>
      <c r="T93" s="197"/>
      <c r="U93" s="224" t="s">
        <v>10</v>
      </c>
      <c r="V93" s="195" t="s">
        <v>11</v>
      </c>
      <c r="W93" s="224"/>
      <c r="X93" s="195" t="s">
        <v>12</v>
      </c>
      <c r="Y93" s="196"/>
      <c r="Z93" s="196"/>
      <c r="AA93" s="196"/>
      <c r="AB93" s="196"/>
      <c r="AC93" s="196"/>
      <c r="AD93" s="196"/>
      <c r="AE93" s="196"/>
      <c r="AF93" s="196"/>
      <c r="AG93" s="196"/>
      <c r="AH93" s="196"/>
      <c r="AI93" s="196"/>
      <c r="AJ93" s="196"/>
      <c r="AK93" s="196"/>
      <c r="AL93" s="196"/>
      <c r="AM93" s="197"/>
      <c r="AN93" s="12"/>
      <c r="AO93" s="12"/>
    </row>
    <row r="94" spans="1:41" ht="13.5" customHeight="1">
      <c r="A94" s="225"/>
      <c r="B94" s="184"/>
      <c r="C94" s="198"/>
      <c r="D94" s="184"/>
      <c r="E94" s="198"/>
      <c r="F94" s="184"/>
      <c r="G94" s="203" t="s">
        <v>13</v>
      </c>
      <c r="H94" s="204"/>
      <c r="I94" s="203" t="s">
        <v>14</v>
      </c>
      <c r="J94" s="204"/>
      <c r="K94" s="206" t="s">
        <v>15</v>
      </c>
      <c r="L94" s="209" t="s">
        <v>16</v>
      </c>
      <c r="M94" s="14"/>
      <c r="N94" s="212" t="s">
        <v>17</v>
      </c>
      <c r="O94" s="212"/>
      <c r="P94" s="212"/>
      <c r="Q94" s="213"/>
      <c r="R94" s="198"/>
      <c r="S94" s="225"/>
      <c r="T94" s="199"/>
      <c r="U94" s="184"/>
      <c r="V94" s="198"/>
      <c r="W94" s="184"/>
      <c r="X94" s="198"/>
      <c r="Y94" s="183"/>
      <c r="Z94" s="183"/>
      <c r="AA94" s="183"/>
      <c r="AB94" s="183"/>
      <c r="AC94" s="183"/>
      <c r="AD94" s="183"/>
      <c r="AE94" s="183"/>
      <c r="AF94" s="183"/>
      <c r="AG94" s="183"/>
      <c r="AH94" s="183"/>
      <c r="AI94" s="183"/>
      <c r="AJ94" s="183"/>
      <c r="AK94" s="183"/>
      <c r="AL94" s="183"/>
      <c r="AM94" s="199"/>
      <c r="AN94" s="12"/>
      <c r="AO94" s="12"/>
    </row>
    <row r="95" spans="1:41" ht="4.5" customHeight="1">
      <c r="A95" s="225"/>
      <c r="B95" s="184"/>
      <c r="C95" s="198"/>
      <c r="D95" s="184"/>
      <c r="E95" s="198"/>
      <c r="F95" s="184"/>
      <c r="G95" s="198"/>
      <c r="H95" s="184"/>
      <c r="I95" s="198"/>
      <c r="J95" s="184"/>
      <c r="K95" s="207"/>
      <c r="L95" s="210"/>
      <c r="M95" s="15"/>
      <c r="N95" s="214" t="s">
        <v>18</v>
      </c>
      <c r="O95" s="204"/>
      <c r="P95" s="215" t="s">
        <v>19</v>
      </c>
      <c r="Q95" s="216"/>
      <c r="R95" s="198"/>
      <c r="S95" s="225"/>
      <c r="T95" s="199"/>
      <c r="U95" s="184"/>
      <c r="V95" s="198"/>
      <c r="W95" s="184"/>
      <c r="X95" s="198"/>
      <c r="Y95" s="183"/>
      <c r="Z95" s="183"/>
      <c r="AA95" s="183"/>
      <c r="AB95" s="183"/>
      <c r="AC95" s="183"/>
      <c r="AD95" s="183"/>
      <c r="AE95" s="183"/>
      <c r="AF95" s="183"/>
      <c r="AG95" s="183"/>
      <c r="AH95" s="183"/>
      <c r="AI95" s="183"/>
      <c r="AJ95" s="183"/>
      <c r="AK95" s="183"/>
      <c r="AL95" s="183"/>
      <c r="AM95" s="199"/>
      <c r="AN95" s="12"/>
      <c r="AO95" s="12"/>
    </row>
    <row r="96" spans="1:41" ht="4.5" customHeight="1">
      <c r="A96" s="225"/>
      <c r="B96" s="184"/>
      <c r="C96" s="198"/>
      <c r="D96" s="184"/>
      <c r="E96" s="198"/>
      <c r="F96" s="184"/>
      <c r="G96" s="198"/>
      <c r="H96" s="184"/>
      <c r="I96" s="198"/>
      <c r="J96" s="184"/>
      <c r="K96" s="207"/>
      <c r="L96" s="210"/>
      <c r="M96" s="15"/>
      <c r="N96" s="183"/>
      <c r="O96" s="184"/>
      <c r="P96" s="217"/>
      <c r="Q96" s="218"/>
      <c r="R96" s="198"/>
      <c r="S96" s="225"/>
      <c r="T96" s="199"/>
      <c r="U96" s="184"/>
      <c r="V96" s="198"/>
      <c r="W96" s="184"/>
      <c r="X96" s="198"/>
      <c r="Y96" s="183"/>
      <c r="Z96" s="183"/>
      <c r="AA96" s="183"/>
      <c r="AB96" s="183"/>
      <c r="AC96" s="183"/>
      <c r="AD96" s="183"/>
      <c r="AE96" s="183"/>
      <c r="AF96" s="183"/>
      <c r="AG96" s="183"/>
      <c r="AH96" s="183"/>
      <c r="AI96" s="183"/>
      <c r="AJ96" s="183"/>
      <c r="AK96" s="183"/>
      <c r="AL96" s="183"/>
      <c r="AM96" s="199"/>
      <c r="AN96" s="12"/>
      <c r="AO96" s="12"/>
    </row>
    <row r="97" spans="1:41" ht="4.5" customHeight="1">
      <c r="A97" s="226"/>
      <c r="B97" s="205"/>
      <c r="C97" s="200"/>
      <c r="D97" s="205"/>
      <c r="E97" s="200"/>
      <c r="F97" s="205"/>
      <c r="G97" s="200"/>
      <c r="H97" s="205"/>
      <c r="I97" s="200"/>
      <c r="J97" s="205"/>
      <c r="K97" s="208"/>
      <c r="L97" s="211"/>
      <c r="M97" s="16"/>
      <c r="N97" s="201"/>
      <c r="O97" s="205"/>
      <c r="P97" s="219"/>
      <c r="Q97" s="220"/>
      <c r="R97" s="200"/>
      <c r="S97" s="226"/>
      <c r="T97" s="202"/>
      <c r="U97" s="205"/>
      <c r="V97" s="200"/>
      <c r="W97" s="205"/>
      <c r="X97" s="200"/>
      <c r="Y97" s="201"/>
      <c r="Z97" s="201"/>
      <c r="AA97" s="201"/>
      <c r="AB97" s="201"/>
      <c r="AC97" s="201"/>
      <c r="AD97" s="201"/>
      <c r="AE97" s="201"/>
      <c r="AF97" s="201"/>
      <c r="AG97" s="201"/>
      <c r="AH97" s="201"/>
      <c r="AI97" s="201"/>
      <c r="AJ97" s="201"/>
      <c r="AK97" s="201"/>
      <c r="AL97" s="201"/>
      <c r="AM97" s="202"/>
      <c r="AN97" s="12"/>
      <c r="AO97" s="12"/>
    </row>
    <row r="98" spans="1:41" s="32" customFormat="1" ht="9" customHeight="1">
      <c r="A98" s="17"/>
      <c r="B98" s="18"/>
      <c r="C98" s="19"/>
      <c r="D98" s="18"/>
      <c r="E98" s="19"/>
      <c r="F98" s="18"/>
      <c r="G98" s="20"/>
      <c r="H98" s="21" t="s">
        <v>20</v>
      </c>
      <c r="I98" s="20"/>
      <c r="J98" s="21" t="s">
        <v>20</v>
      </c>
      <c r="K98" s="22" t="s">
        <v>20</v>
      </c>
      <c r="L98" s="23" t="s">
        <v>20</v>
      </c>
      <c r="M98" s="19"/>
      <c r="N98" s="19"/>
      <c r="O98" s="24"/>
      <c r="P98" s="20"/>
      <c r="Q98" s="21" t="s">
        <v>20</v>
      </c>
      <c r="R98" s="20" t="s">
        <v>20</v>
      </c>
      <c r="S98" s="25"/>
      <c r="T98" s="26" t="s">
        <v>20</v>
      </c>
      <c r="U98" s="21" t="s">
        <v>20</v>
      </c>
      <c r="V98" s="20"/>
      <c r="W98" s="21" t="s">
        <v>20</v>
      </c>
      <c r="X98" s="27"/>
      <c r="Y98" s="27"/>
      <c r="Z98" s="27"/>
      <c r="AA98" s="27"/>
      <c r="AB98" s="28"/>
      <c r="AC98" s="28"/>
      <c r="AD98" s="28"/>
      <c r="AE98" s="28"/>
      <c r="AF98" s="28"/>
      <c r="AG98" s="28"/>
      <c r="AH98" s="28"/>
      <c r="AI98" s="28"/>
      <c r="AJ98" s="28"/>
      <c r="AK98" s="29"/>
      <c r="AL98" s="29"/>
      <c r="AM98" s="30"/>
      <c r="AN98" s="31"/>
      <c r="AO98" s="31"/>
    </row>
    <row r="99" spans="1:41" s="46" customFormat="1" ht="9.75" customHeight="1">
      <c r="A99" s="47"/>
      <c r="B99" s="75"/>
      <c r="C99" s="33"/>
      <c r="D99" s="34"/>
      <c r="E99" s="262" t="s">
        <v>293</v>
      </c>
      <c r="F99" s="248" t="s">
        <v>61</v>
      </c>
      <c r="G99" s="33"/>
      <c r="H99" s="59"/>
      <c r="I99" s="33"/>
      <c r="J99" s="59"/>
      <c r="K99" s="60"/>
      <c r="L99" s="60"/>
      <c r="M99" s="61"/>
      <c r="N99" s="61"/>
      <c r="O99" s="58"/>
      <c r="P99" s="33"/>
      <c r="Q99" s="59"/>
      <c r="R99" s="33"/>
      <c r="S99" s="62"/>
      <c r="T99" s="63"/>
      <c r="U99" s="59"/>
      <c r="V99" s="33"/>
      <c r="W99" s="59"/>
      <c r="X99" s="27" t="s">
        <v>3</v>
      </c>
      <c r="Y99" s="27"/>
      <c r="Z99" s="27"/>
      <c r="AA99" s="27"/>
      <c r="AB99" s="28"/>
      <c r="AC99" s="28"/>
      <c r="AD99" s="28"/>
      <c r="AE99" s="28"/>
      <c r="AF99" s="28"/>
      <c r="AG99" s="28"/>
      <c r="AH99" s="28"/>
      <c r="AI99" s="28"/>
      <c r="AJ99" s="28"/>
      <c r="AK99" s="29"/>
      <c r="AL99" s="29"/>
      <c r="AM99" s="30"/>
    </row>
    <row r="100" spans="1:41" s="46" customFormat="1" ht="9.75" customHeight="1">
      <c r="A100" s="47"/>
      <c r="B100" s="75"/>
      <c r="C100" s="33"/>
      <c r="D100" s="34"/>
      <c r="E100" s="176"/>
      <c r="F100" s="179"/>
      <c r="G100" s="33"/>
      <c r="H100" s="59" t="s">
        <v>30</v>
      </c>
      <c r="I100" s="33"/>
      <c r="J100" s="59" t="s">
        <v>30</v>
      </c>
      <c r="K100" s="60" t="s">
        <v>30</v>
      </c>
      <c r="L100" s="60" t="s">
        <v>30</v>
      </c>
      <c r="M100" s="61"/>
      <c r="N100" s="61"/>
      <c r="O100" s="58"/>
      <c r="P100" s="33"/>
      <c r="Q100" s="59"/>
      <c r="R100" s="33" t="s">
        <v>789</v>
      </c>
      <c r="S100" s="62"/>
      <c r="T100" s="63" t="s">
        <v>789</v>
      </c>
      <c r="U100" s="59" t="s">
        <v>30</v>
      </c>
      <c r="V100" s="33"/>
      <c r="W100" s="59" t="s">
        <v>30</v>
      </c>
      <c r="X100" s="27"/>
      <c r="Y100" s="27"/>
      <c r="Z100" s="27"/>
      <c r="AA100" s="27"/>
      <c r="AB100" s="28"/>
      <c r="AC100" s="28"/>
      <c r="AD100" s="28"/>
      <c r="AE100" s="28"/>
      <c r="AF100" s="28"/>
      <c r="AG100" s="28"/>
      <c r="AH100" s="28"/>
      <c r="AI100" s="28"/>
      <c r="AJ100" s="28"/>
      <c r="AK100" s="29"/>
      <c r="AL100" s="29"/>
      <c r="AM100" s="30"/>
    </row>
    <row r="101" spans="1:41" s="46" customFormat="1" ht="9.75" customHeight="1">
      <c r="A101" s="47"/>
      <c r="B101" s="75"/>
      <c r="C101" s="33"/>
      <c r="D101" s="34"/>
      <c r="E101" s="177"/>
      <c r="F101" s="180"/>
      <c r="G101" s="33"/>
      <c r="H101" s="59"/>
      <c r="I101" s="33"/>
      <c r="J101" s="59"/>
      <c r="K101" s="60"/>
      <c r="L101" s="60"/>
      <c r="M101" s="61"/>
      <c r="N101" s="61"/>
      <c r="O101" s="58"/>
      <c r="P101" s="33"/>
      <c r="Q101" s="59"/>
      <c r="R101" s="33"/>
      <c r="S101" s="62"/>
      <c r="T101" s="63"/>
      <c r="U101" s="59"/>
      <c r="V101" s="33"/>
      <c r="W101" s="59"/>
      <c r="X101" s="27"/>
      <c r="Y101" s="27"/>
      <c r="Z101" s="27"/>
      <c r="AA101" s="27"/>
      <c r="AB101" s="28"/>
      <c r="AC101" s="28"/>
      <c r="AD101" s="28"/>
      <c r="AE101" s="28"/>
      <c r="AF101" s="28"/>
      <c r="AG101" s="28"/>
      <c r="AH101" s="28"/>
      <c r="AI101" s="28"/>
      <c r="AJ101" s="28"/>
      <c r="AK101" s="29"/>
      <c r="AL101" s="29"/>
      <c r="AM101" s="30"/>
    </row>
    <row r="102" spans="1:41" s="46" customFormat="1" ht="9.75" customHeight="1">
      <c r="A102" s="47"/>
      <c r="B102" s="75"/>
      <c r="C102" s="33"/>
      <c r="D102" s="34"/>
      <c r="E102" s="175" t="s">
        <v>597</v>
      </c>
      <c r="F102" s="178" t="s">
        <v>406</v>
      </c>
      <c r="G102" s="48"/>
      <c r="H102" s="50"/>
      <c r="I102" s="48"/>
      <c r="J102" s="50"/>
      <c r="K102" s="51"/>
      <c r="L102" s="51"/>
      <c r="M102" s="52"/>
      <c r="N102" s="52"/>
      <c r="O102" s="76"/>
      <c r="P102" s="48"/>
      <c r="Q102" s="50"/>
      <c r="R102" s="48"/>
      <c r="S102" s="53"/>
      <c r="T102" s="54"/>
      <c r="U102" s="50"/>
      <c r="V102" s="48"/>
      <c r="W102" s="50"/>
      <c r="X102" s="55" t="s">
        <v>3</v>
      </c>
      <c r="Y102" s="55"/>
      <c r="Z102" s="55"/>
      <c r="AA102" s="55"/>
      <c r="AB102" s="56"/>
      <c r="AC102" s="56"/>
      <c r="AD102" s="56"/>
      <c r="AE102" s="56"/>
      <c r="AF102" s="56"/>
      <c r="AG102" s="56"/>
      <c r="AH102" s="56"/>
      <c r="AI102" s="56"/>
      <c r="AJ102" s="56"/>
      <c r="AK102" s="19"/>
      <c r="AL102" s="19"/>
      <c r="AM102" s="26"/>
    </row>
    <row r="103" spans="1:41" s="46" customFormat="1" ht="9.75" customHeight="1">
      <c r="A103" s="47"/>
      <c r="B103" s="75"/>
      <c r="C103" s="33"/>
      <c r="D103" s="34"/>
      <c r="E103" s="176"/>
      <c r="F103" s="179"/>
      <c r="G103" s="33"/>
      <c r="H103" s="59" t="s">
        <v>30</v>
      </c>
      <c r="I103" s="33"/>
      <c r="J103" s="59" t="s">
        <v>30</v>
      </c>
      <c r="K103" s="60" t="s">
        <v>30</v>
      </c>
      <c r="L103" s="60" t="s">
        <v>30</v>
      </c>
      <c r="M103" s="61"/>
      <c r="N103" s="61"/>
      <c r="O103" s="58"/>
      <c r="P103" s="33"/>
      <c r="Q103" s="59"/>
      <c r="R103" s="33" t="s">
        <v>790</v>
      </c>
      <c r="S103" s="62"/>
      <c r="T103" s="63" t="s">
        <v>790</v>
      </c>
      <c r="U103" s="59" t="s">
        <v>30</v>
      </c>
      <c r="V103" s="33"/>
      <c r="W103" s="59" t="s">
        <v>30</v>
      </c>
      <c r="X103" s="27"/>
      <c r="Y103" s="27"/>
      <c r="Z103" s="27"/>
      <c r="AA103" s="27"/>
      <c r="AB103" s="28"/>
      <c r="AC103" s="28"/>
      <c r="AD103" s="28"/>
      <c r="AE103" s="28"/>
      <c r="AF103" s="28"/>
      <c r="AG103" s="28"/>
      <c r="AH103" s="28"/>
      <c r="AI103" s="28"/>
      <c r="AJ103" s="28"/>
      <c r="AK103" s="29"/>
      <c r="AL103" s="29"/>
      <c r="AM103" s="30"/>
    </row>
    <row r="104" spans="1:41" s="46" customFormat="1" ht="9.75" customHeight="1">
      <c r="A104" s="47"/>
      <c r="B104" s="75"/>
      <c r="C104" s="64"/>
      <c r="D104" s="77"/>
      <c r="E104" s="177"/>
      <c r="F104" s="180"/>
      <c r="G104" s="64"/>
      <c r="H104" s="66"/>
      <c r="I104" s="64"/>
      <c r="J104" s="66"/>
      <c r="K104" s="67"/>
      <c r="L104" s="67"/>
      <c r="M104" s="68"/>
      <c r="N104" s="68"/>
      <c r="O104" s="65"/>
      <c r="P104" s="64"/>
      <c r="Q104" s="66"/>
      <c r="R104" s="64"/>
      <c r="S104" s="69"/>
      <c r="T104" s="70"/>
      <c r="U104" s="66"/>
      <c r="V104" s="64"/>
      <c r="W104" s="66"/>
      <c r="X104" s="71"/>
      <c r="Y104" s="71"/>
      <c r="Z104" s="71"/>
      <c r="AA104" s="71"/>
      <c r="AB104" s="72"/>
      <c r="AC104" s="72"/>
      <c r="AD104" s="72"/>
      <c r="AE104" s="72"/>
      <c r="AF104" s="72"/>
      <c r="AG104" s="72"/>
      <c r="AH104" s="72"/>
      <c r="AI104" s="72"/>
      <c r="AJ104" s="72"/>
      <c r="AK104" s="73"/>
      <c r="AL104" s="73"/>
      <c r="AM104" s="74"/>
    </row>
    <row r="105" spans="1:41" s="46" customFormat="1" ht="9.75" customHeight="1">
      <c r="A105" s="47"/>
      <c r="B105" s="75"/>
      <c r="C105" s="175" t="s">
        <v>597</v>
      </c>
      <c r="D105" s="178" t="s">
        <v>53</v>
      </c>
      <c r="E105" s="48"/>
      <c r="F105" s="49"/>
      <c r="G105" s="48"/>
      <c r="H105" s="50"/>
      <c r="I105" s="48"/>
      <c r="J105" s="50"/>
      <c r="K105" s="51"/>
      <c r="L105" s="51"/>
      <c r="M105" s="52"/>
      <c r="N105" s="52"/>
      <c r="O105" s="76"/>
      <c r="P105" s="48"/>
      <c r="Q105" s="50"/>
      <c r="R105" s="48"/>
      <c r="S105" s="53"/>
      <c r="T105" s="54"/>
      <c r="U105" s="50"/>
      <c r="V105" s="48"/>
      <c r="W105" s="50"/>
      <c r="X105" s="55" t="s">
        <v>3</v>
      </c>
      <c r="Y105" s="55"/>
      <c r="Z105" s="55"/>
      <c r="AA105" s="55"/>
      <c r="AB105" s="56"/>
      <c r="AC105" s="56"/>
      <c r="AD105" s="56"/>
      <c r="AE105" s="56"/>
      <c r="AF105" s="56"/>
      <c r="AG105" s="56"/>
      <c r="AH105" s="56"/>
      <c r="AI105" s="56"/>
      <c r="AJ105" s="56"/>
      <c r="AK105" s="19"/>
      <c r="AL105" s="19"/>
      <c r="AM105" s="26"/>
    </row>
    <row r="106" spans="1:41" s="46" customFormat="1" ht="9.75" customHeight="1">
      <c r="A106" s="47"/>
      <c r="B106" s="75"/>
      <c r="C106" s="176"/>
      <c r="D106" s="179"/>
      <c r="E106" s="33"/>
      <c r="F106" s="34"/>
      <c r="G106" s="33"/>
      <c r="H106" s="59" t="s">
        <v>30</v>
      </c>
      <c r="I106" s="33"/>
      <c r="J106" s="59" t="s">
        <v>791</v>
      </c>
      <c r="K106" s="60" t="s">
        <v>30</v>
      </c>
      <c r="L106" s="60" t="s">
        <v>791</v>
      </c>
      <c r="M106" s="61"/>
      <c r="N106" s="61"/>
      <c r="O106" s="58"/>
      <c r="P106" s="33"/>
      <c r="Q106" s="59"/>
      <c r="R106" s="33" t="s">
        <v>792</v>
      </c>
      <c r="S106" s="62"/>
      <c r="T106" s="63" t="s">
        <v>792</v>
      </c>
      <c r="U106" s="59" t="s">
        <v>30</v>
      </c>
      <c r="V106" s="33"/>
      <c r="W106" s="59" t="s">
        <v>30</v>
      </c>
      <c r="X106" s="27"/>
      <c r="Y106" s="27"/>
      <c r="Z106" s="27"/>
      <c r="AA106" s="27"/>
      <c r="AB106" s="28"/>
      <c r="AC106" s="28"/>
      <c r="AD106" s="28"/>
      <c r="AE106" s="28"/>
      <c r="AF106" s="28"/>
      <c r="AG106" s="28"/>
      <c r="AH106" s="28"/>
      <c r="AI106" s="28"/>
      <c r="AJ106" s="28"/>
      <c r="AK106" s="29"/>
      <c r="AL106" s="29"/>
      <c r="AM106" s="30"/>
    </row>
    <row r="107" spans="1:41" s="46" customFormat="1" ht="9.75" customHeight="1">
      <c r="A107" s="47"/>
      <c r="B107" s="75"/>
      <c r="C107" s="176"/>
      <c r="D107" s="179"/>
      <c r="E107" s="33"/>
      <c r="F107" s="34"/>
      <c r="G107" s="33"/>
      <c r="H107" s="59"/>
      <c r="I107" s="33"/>
      <c r="J107" s="59"/>
      <c r="K107" s="60"/>
      <c r="L107" s="60"/>
      <c r="M107" s="61"/>
      <c r="N107" s="61"/>
      <c r="O107" s="58"/>
      <c r="P107" s="33"/>
      <c r="Q107" s="59"/>
      <c r="R107" s="33"/>
      <c r="S107" s="62"/>
      <c r="T107" s="63"/>
      <c r="U107" s="59"/>
      <c r="V107" s="33"/>
      <c r="W107" s="59"/>
      <c r="X107" s="27"/>
      <c r="Y107" s="27"/>
      <c r="Z107" s="27"/>
      <c r="AA107" s="27"/>
      <c r="AB107" s="28"/>
      <c r="AC107" s="28"/>
      <c r="AD107" s="28"/>
      <c r="AE107" s="28"/>
      <c r="AF107" s="28"/>
      <c r="AG107" s="28"/>
      <c r="AH107" s="28"/>
      <c r="AI107" s="28"/>
      <c r="AJ107" s="28"/>
      <c r="AK107" s="29"/>
      <c r="AL107" s="29"/>
      <c r="AM107" s="30"/>
    </row>
    <row r="108" spans="1:41" s="46" customFormat="1" ht="9.75" customHeight="1">
      <c r="A108" s="47"/>
      <c r="B108" s="39"/>
      <c r="C108" s="33"/>
      <c r="D108" s="34"/>
      <c r="E108" s="175" t="s">
        <v>21</v>
      </c>
      <c r="F108" s="178" t="s">
        <v>53</v>
      </c>
      <c r="G108" s="48"/>
      <c r="H108" s="50"/>
      <c r="I108" s="48"/>
      <c r="J108" s="50"/>
      <c r="K108" s="51"/>
      <c r="L108" s="51"/>
      <c r="M108" s="52"/>
      <c r="N108" s="52"/>
      <c r="O108" s="49"/>
      <c r="P108" s="48"/>
      <c r="Q108" s="50"/>
      <c r="R108" s="48"/>
      <c r="S108" s="53"/>
      <c r="T108" s="54"/>
      <c r="U108" s="50"/>
      <c r="V108" s="48"/>
      <c r="W108" s="50"/>
      <c r="X108" s="55" t="s">
        <v>3</v>
      </c>
      <c r="Y108" s="55"/>
      <c r="Z108" s="55"/>
      <c r="AA108" s="55"/>
      <c r="AB108" s="56"/>
      <c r="AC108" s="56"/>
      <c r="AD108" s="56"/>
      <c r="AE108" s="56"/>
      <c r="AF108" s="56"/>
      <c r="AG108" s="56"/>
      <c r="AH108" s="56"/>
      <c r="AI108" s="56"/>
      <c r="AJ108" s="56"/>
      <c r="AK108" s="19"/>
      <c r="AL108" s="19"/>
      <c r="AM108" s="26"/>
    </row>
    <row r="109" spans="1:41" s="46" customFormat="1" ht="9.75" customHeight="1">
      <c r="A109" s="57"/>
      <c r="B109" s="58"/>
      <c r="C109" s="33"/>
      <c r="D109" s="34"/>
      <c r="E109" s="176"/>
      <c r="F109" s="179"/>
      <c r="G109" s="33"/>
      <c r="H109" s="59" t="s">
        <v>30</v>
      </c>
      <c r="I109" s="33"/>
      <c r="J109" s="59" t="s">
        <v>791</v>
      </c>
      <c r="K109" s="60" t="s">
        <v>30</v>
      </c>
      <c r="L109" s="60" t="s">
        <v>791</v>
      </c>
      <c r="M109" s="61"/>
      <c r="N109" s="61"/>
      <c r="O109" s="34"/>
      <c r="P109" s="33"/>
      <c r="Q109" s="59"/>
      <c r="R109" s="33" t="s">
        <v>792</v>
      </c>
      <c r="S109" s="62"/>
      <c r="T109" s="63" t="s">
        <v>792</v>
      </c>
      <c r="U109" s="59" t="s">
        <v>30</v>
      </c>
      <c r="V109" s="33"/>
      <c r="W109" s="59" t="s">
        <v>30</v>
      </c>
      <c r="X109" s="27"/>
      <c r="Y109" s="27"/>
      <c r="Z109" s="27"/>
      <c r="AA109" s="27"/>
      <c r="AB109" s="28"/>
      <c r="AC109" s="28"/>
      <c r="AD109" s="28"/>
      <c r="AE109" s="28"/>
      <c r="AF109" s="28"/>
      <c r="AG109" s="28"/>
      <c r="AH109" s="28"/>
      <c r="AI109" s="28"/>
      <c r="AJ109" s="28"/>
      <c r="AK109" s="29"/>
      <c r="AL109" s="29"/>
      <c r="AM109" s="30"/>
    </row>
    <row r="110" spans="1:41" s="46" customFormat="1" ht="9.75" customHeight="1">
      <c r="A110" s="158"/>
      <c r="B110" s="65"/>
      <c r="C110" s="64"/>
      <c r="D110" s="77"/>
      <c r="E110" s="177"/>
      <c r="F110" s="180"/>
      <c r="G110" s="64"/>
      <c r="H110" s="66"/>
      <c r="I110" s="64"/>
      <c r="J110" s="66"/>
      <c r="K110" s="67"/>
      <c r="L110" s="67"/>
      <c r="M110" s="68"/>
      <c r="N110" s="68"/>
      <c r="O110" s="77"/>
      <c r="P110" s="64"/>
      <c r="Q110" s="66"/>
      <c r="R110" s="64"/>
      <c r="S110" s="69"/>
      <c r="T110" s="70"/>
      <c r="U110" s="66"/>
      <c r="V110" s="64"/>
      <c r="W110" s="66"/>
      <c r="X110" s="71"/>
      <c r="Y110" s="71"/>
      <c r="Z110" s="71"/>
      <c r="AA110" s="71"/>
      <c r="AB110" s="72"/>
      <c r="AC110" s="72"/>
      <c r="AD110" s="72"/>
      <c r="AE110" s="72"/>
      <c r="AF110" s="72"/>
      <c r="AG110" s="72"/>
      <c r="AH110" s="72"/>
      <c r="AI110" s="72"/>
      <c r="AJ110" s="72"/>
      <c r="AK110" s="73"/>
      <c r="AL110" s="73"/>
      <c r="AM110" s="74"/>
    </row>
    <row r="111" spans="1:41" s="46" customFormat="1" ht="9.75" customHeight="1">
      <c r="A111" s="80"/>
      <c r="B111" s="81"/>
      <c r="C111" s="81"/>
      <c r="D111" s="81"/>
      <c r="E111" s="81"/>
      <c r="F111" s="81"/>
      <c r="G111" s="82"/>
      <c r="H111" s="83"/>
      <c r="I111" s="82"/>
      <c r="J111" s="83"/>
      <c r="K111" s="84"/>
      <c r="L111" s="84"/>
      <c r="M111" s="85"/>
      <c r="N111" s="85"/>
      <c r="O111" s="86"/>
      <c r="P111" s="82"/>
      <c r="Q111" s="83"/>
      <c r="R111" s="82"/>
      <c r="S111" s="87"/>
      <c r="T111" s="88"/>
      <c r="U111" s="83"/>
      <c r="V111" s="82"/>
      <c r="W111" s="83"/>
      <c r="X111" s="89" t="s">
        <v>3</v>
      </c>
      <c r="Y111" s="89"/>
      <c r="Z111" s="89"/>
      <c r="AA111" s="89"/>
      <c r="AB111" s="90"/>
      <c r="AC111" s="90"/>
      <c r="AD111" s="90"/>
      <c r="AE111" s="90"/>
      <c r="AF111" s="90"/>
      <c r="AG111" s="90"/>
      <c r="AH111" s="90"/>
      <c r="AI111" s="90"/>
      <c r="AJ111" s="90"/>
      <c r="AK111" s="91"/>
      <c r="AL111" s="91"/>
      <c r="AM111" s="92"/>
    </row>
    <row r="112" spans="1:41" s="46" customFormat="1" ht="9.75" customHeight="1">
      <c r="A112" s="181" t="s">
        <v>65</v>
      </c>
      <c r="B112" s="182"/>
      <c r="C112" s="183"/>
      <c r="D112" s="183"/>
      <c r="E112" s="183"/>
      <c r="F112" s="184"/>
      <c r="G112" s="35"/>
      <c r="H112" s="36" t="s">
        <v>718</v>
      </c>
      <c r="I112" s="35"/>
      <c r="J112" s="36" t="s">
        <v>719</v>
      </c>
      <c r="K112" s="37" t="s">
        <v>30</v>
      </c>
      <c r="L112" s="37" t="s">
        <v>720</v>
      </c>
      <c r="M112" s="38"/>
      <c r="N112" s="38"/>
      <c r="O112" s="39"/>
      <c r="P112" s="35"/>
      <c r="Q112" s="36"/>
      <c r="R112" s="35" t="s">
        <v>721</v>
      </c>
      <c r="S112" s="40"/>
      <c r="T112" s="41" t="s">
        <v>721</v>
      </c>
      <c r="U112" s="36" t="s">
        <v>30</v>
      </c>
      <c r="V112" s="35"/>
      <c r="W112" s="36" t="s">
        <v>30</v>
      </c>
      <c r="X112" s="42"/>
      <c r="Y112" s="42"/>
      <c r="Z112" s="42"/>
      <c r="AA112" s="42"/>
      <c r="AB112" s="43"/>
      <c r="AC112" s="43"/>
      <c r="AD112" s="43"/>
      <c r="AE112" s="43"/>
      <c r="AF112" s="43"/>
      <c r="AG112" s="43"/>
      <c r="AH112" s="43"/>
      <c r="AI112" s="43"/>
      <c r="AJ112" s="43"/>
      <c r="AK112" s="44"/>
      <c r="AL112" s="44"/>
      <c r="AM112" s="45"/>
    </row>
    <row r="113" spans="1:39" s="46" customFormat="1" ht="9.75" customHeight="1">
      <c r="A113" s="93"/>
      <c r="B113" s="94"/>
      <c r="C113" s="94"/>
      <c r="D113" s="94"/>
      <c r="E113" s="94"/>
      <c r="F113" s="94"/>
      <c r="G113" s="95"/>
      <c r="H113" s="96"/>
      <c r="I113" s="95"/>
      <c r="J113" s="96"/>
      <c r="K113" s="97"/>
      <c r="L113" s="97"/>
      <c r="M113" s="98"/>
      <c r="N113" s="98"/>
      <c r="O113" s="99"/>
      <c r="P113" s="95"/>
      <c r="Q113" s="96"/>
      <c r="R113" s="95"/>
      <c r="S113" s="100"/>
      <c r="T113" s="101"/>
      <c r="U113" s="96"/>
      <c r="V113" s="95"/>
      <c r="W113" s="96"/>
      <c r="X113" s="102"/>
      <c r="Y113" s="102"/>
      <c r="Z113" s="102"/>
      <c r="AA113" s="102"/>
      <c r="AB113" s="103"/>
      <c r="AC113" s="103"/>
      <c r="AD113" s="103"/>
      <c r="AE113" s="103"/>
      <c r="AF113" s="103"/>
      <c r="AG113" s="103"/>
      <c r="AH113" s="103"/>
      <c r="AI113" s="103"/>
      <c r="AJ113" s="103"/>
      <c r="AK113" s="104"/>
      <c r="AL113" s="104"/>
      <c r="AM113" s="155"/>
    </row>
    <row r="114" spans="1:39" ht="9.75" customHeight="1">
      <c r="A114" s="105"/>
      <c r="B114" s="106"/>
      <c r="C114" s="106"/>
      <c r="D114" s="106"/>
      <c r="E114" s="106"/>
      <c r="F114" s="106"/>
      <c r="G114" s="106"/>
      <c r="H114" s="106"/>
      <c r="I114" s="106"/>
      <c r="J114" s="106"/>
      <c r="K114" s="106"/>
      <c r="L114" s="106"/>
      <c r="M114" s="106"/>
      <c r="N114" s="106"/>
      <c r="O114" s="106"/>
      <c r="P114" s="106"/>
      <c r="Q114" s="106"/>
      <c r="R114" s="106"/>
      <c r="S114" s="106"/>
      <c r="T114" s="106"/>
      <c r="U114" s="106"/>
      <c r="V114" s="106"/>
      <c r="W114" s="106"/>
      <c r="X114" s="107"/>
      <c r="Y114" s="107"/>
      <c r="Z114" s="107"/>
      <c r="AA114" s="107"/>
      <c r="AB114" s="107"/>
      <c r="AC114" s="107"/>
      <c r="AD114" s="107"/>
      <c r="AE114" s="107"/>
      <c r="AF114" s="107"/>
      <c r="AG114" s="107"/>
      <c r="AH114" s="107"/>
      <c r="AI114" s="107"/>
      <c r="AJ114" s="107"/>
      <c r="AK114" s="107"/>
      <c r="AL114" s="107"/>
      <c r="AM114" s="108"/>
    </row>
    <row r="115" spans="1:39" ht="9.75" customHeight="1">
      <c r="A115" s="109"/>
      <c r="B115" s="110"/>
      <c r="C115" s="110"/>
      <c r="D115" s="110"/>
      <c r="E115" s="110"/>
      <c r="F115" s="110"/>
      <c r="G115" s="110"/>
      <c r="H115" s="110"/>
      <c r="I115" s="110"/>
      <c r="J115" s="110"/>
      <c r="K115" s="110"/>
      <c r="L115" s="110"/>
      <c r="M115" s="110"/>
      <c r="N115" s="110"/>
      <c r="O115" s="110"/>
      <c r="P115" s="110"/>
      <c r="Q115" s="110"/>
      <c r="R115" s="110"/>
      <c r="S115" s="110"/>
      <c r="T115" s="110"/>
      <c r="U115" s="110"/>
      <c r="V115" s="110"/>
      <c r="W115" s="110"/>
      <c r="X115" s="110"/>
      <c r="Y115" s="110"/>
      <c r="Z115" s="110"/>
      <c r="AA115" s="110"/>
      <c r="AB115" s="110"/>
      <c r="AC115" s="110"/>
      <c r="AD115" s="110"/>
      <c r="AE115" s="110"/>
      <c r="AF115" s="110"/>
      <c r="AG115" s="110"/>
      <c r="AH115" s="110"/>
      <c r="AI115" s="110"/>
      <c r="AJ115" s="110"/>
      <c r="AK115" s="110"/>
      <c r="AL115" s="110"/>
      <c r="AM115" s="111"/>
    </row>
    <row r="116" spans="1:39" ht="9.75" customHeight="1">
      <c r="A116" s="109"/>
      <c r="B116" s="110"/>
      <c r="C116" s="110"/>
      <c r="D116" s="110"/>
      <c r="E116" s="110"/>
      <c r="F116" s="110"/>
      <c r="G116" s="110"/>
      <c r="H116" s="110"/>
      <c r="I116" s="110"/>
      <c r="J116" s="110"/>
      <c r="K116" s="110"/>
      <c r="L116" s="110"/>
      <c r="M116" s="110"/>
      <c r="N116" s="110"/>
      <c r="O116" s="110"/>
      <c r="P116" s="110"/>
      <c r="Q116" s="110"/>
      <c r="R116" s="110"/>
      <c r="S116" s="110"/>
      <c r="T116" s="110"/>
      <c r="U116" s="110"/>
      <c r="V116" s="110"/>
      <c r="W116" s="110"/>
      <c r="X116" s="110"/>
      <c r="Y116" s="110"/>
      <c r="Z116" s="110"/>
      <c r="AA116" s="110"/>
      <c r="AB116" s="110"/>
      <c r="AC116" s="110"/>
      <c r="AD116" s="110"/>
      <c r="AE116" s="110"/>
      <c r="AF116" s="110"/>
      <c r="AG116" s="110"/>
      <c r="AH116" s="110"/>
      <c r="AI116" s="110"/>
      <c r="AJ116" s="110"/>
      <c r="AK116" s="110"/>
      <c r="AL116" s="110"/>
      <c r="AM116" s="111"/>
    </row>
    <row r="117" spans="1:39" ht="9.75" customHeight="1">
      <c r="A117" s="109"/>
      <c r="B117" s="110"/>
      <c r="C117" s="110"/>
      <c r="D117" s="110"/>
      <c r="E117" s="110"/>
      <c r="F117" s="110"/>
      <c r="G117" s="110"/>
      <c r="H117" s="110"/>
      <c r="I117" s="110"/>
      <c r="J117" s="110"/>
      <c r="K117" s="110"/>
      <c r="L117" s="110"/>
      <c r="M117" s="110"/>
      <c r="N117" s="110"/>
      <c r="O117" s="110"/>
      <c r="P117" s="110"/>
      <c r="Q117" s="110"/>
      <c r="R117" s="110"/>
      <c r="S117" s="110"/>
      <c r="T117" s="110"/>
      <c r="U117" s="110"/>
      <c r="V117" s="110"/>
      <c r="W117" s="110"/>
      <c r="X117" s="110"/>
      <c r="Y117" s="110"/>
      <c r="Z117" s="110"/>
      <c r="AA117" s="110"/>
      <c r="AB117" s="110"/>
      <c r="AC117" s="110"/>
      <c r="AD117" s="110"/>
      <c r="AE117" s="110"/>
      <c r="AF117" s="110"/>
      <c r="AG117" s="110"/>
      <c r="AH117" s="110"/>
      <c r="AI117" s="110"/>
      <c r="AJ117" s="110"/>
      <c r="AK117" s="110"/>
      <c r="AL117" s="110"/>
      <c r="AM117" s="111"/>
    </row>
    <row r="118" spans="1:39" ht="9.75" customHeight="1">
      <c r="A118" s="109"/>
      <c r="B118" s="110"/>
      <c r="C118" s="110"/>
      <c r="D118" s="110"/>
      <c r="E118" s="110"/>
      <c r="F118" s="110"/>
      <c r="G118" s="110"/>
      <c r="H118" s="110"/>
      <c r="I118" s="110"/>
      <c r="J118" s="110"/>
      <c r="K118" s="110"/>
      <c r="L118" s="110"/>
      <c r="M118" s="110"/>
      <c r="N118" s="110"/>
      <c r="O118" s="110"/>
      <c r="P118" s="110"/>
      <c r="Q118" s="110"/>
      <c r="R118" s="110"/>
      <c r="S118" s="110"/>
      <c r="T118" s="110"/>
      <c r="U118" s="110"/>
      <c r="V118" s="110"/>
      <c r="W118" s="110"/>
      <c r="X118" s="110"/>
      <c r="Y118" s="110"/>
      <c r="Z118" s="110"/>
      <c r="AA118" s="110"/>
      <c r="AB118" s="110"/>
      <c r="AC118" s="110"/>
      <c r="AD118" s="110"/>
      <c r="AE118" s="110"/>
      <c r="AF118" s="110"/>
      <c r="AG118" s="110"/>
      <c r="AH118" s="110"/>
      <c r="AI118" s="110"/>
      <c r="AJ118" s="110"/>
      <c r="AK118" s="110"/>
      <c r="AL118" s="110"/>
      <c r="AM118" s="111"/>
    </row>
    <row r="119" spans="1:39" ht="9.75" customHeight="1">
      <c r="A119" s="109"/>
      <c r="B119" s="110"/>
      <c r="C119" s="110"/>
      <c r="D119" s="110"/>
      <c r="E119" s="110"/>
      <c r="F119" s="110"/>
      <c r="G119" s="110"/>
      <c r="H119" s="110"/>
      <c r="I119" s="110"/>
      <c r="J119" s="110"/>
      <c r="K119" s="110"/>
      <c r="L119" s="110"/>
      <c r="M119" s="110"/>
      <c r="N119" s="110"/>
      <c r="O119" s="110"/>
      <c r="P119" s="110"/>
      <c r="Q119" s="110"/>
      <c r="R119" s="110"/>
      <c r="S119" s="110"/>
      <c r="T119" s="110"/>
      <c r="U119" s="110"/>
      <c r="V119" s="110"/>
      <c r="W119" s="110"/>
      <c r="X119" s="110"/>
      <c r="Y119" s="110"/>
      <c r="Z119" s="110"/>
      <c r="AA119" s="110"/>
      <c r="AB119" s="110"/>
      <c r="AC119" s="110"/>
      <c r="AD119" s="110"/>
      <c r="AE119" s="110"/>
      <c r="AF119" s="110"/>
      <c r="AG119" s="110"/>
      <c r="AH119" s="110"/>
      <c r="AI119" s="110"/>
      <c r="AJ119" s="110"/>
      <c r="AK119" s="110"/>
      <c r="AL119" s="110"/>
      <c r="AM119" s="111"/>
    </row>
    <row r="120" spans="1:39" ht="9.75" customHeight="1">
      <c r="A120" s="109"/>
      <c r="B120" s="110"/>
      <c r="C120" s="110"/>
      <c r="D120" s="110"/>
      <c r="E120" s="110"/>
      <c r="F120" s="110"/>
      <c r="G120" s="110"/>
      <c r="H120" s="110"/>
      <c r="I120" s="110"/>
      <c r="J120" s="110"/>
      <c r="K120" s="110"/>
      <c r="L120" s="110"/>
      <c r="M120" s="110"/>
      <c r="N120" s="110"/>
      <c r="O120" s="110"/>
      <c r="P120" s="110"/>
      <c r="Q120" s="110"/>
      <c r="R120" s="110"/>
      <c r="S120" s="110"/>
      <c r="T120" s="110"/>
      <c r="U120" s="110"/>
      <c r="V120" s="110"/>
      <c r="W120" s="110"/>
      <c r="X120" s="110"/>
      <c r="Y120" s="110"/>
      <c r="Z120" s="110"/>
      <c r="AA120" s="110"/>
      <c r="AB120" s="110"/>
      <c r="AC120" s="110"/>
      <c r="AD120" s="110"/>
      <c r="AE120" s="110"/>
      <c r="AF120" s="110"/>
      <c r="AG120" s="110"/>
      <c r="AH120" s="110"/>
      <c r="AI120" s="110"/>
      <c r="AJ120" s="110"/>
      <c r="AK120" s="110"/>
      <c r="AL120" s="110"/>
      <c r="AM120" s="111"/>
    </row>
    <row r="121" spans="1:39" ht="9.75" customHeight="1">
      <c r="A121" s="109"/>
      <c r="B121" s="110"/>
      <c r="C121" s="110"/>
      <c r="D121" s="110"/>
      <c r="E121" s="110"/>
      <c r="F121" s="110"/>
      <c r="G121" s="110"/>
      <c r="H121" s="110"/>
      <c r="I121" s="110"/>
      <c r="J121" s="110"/>
      <c r="K121" s="110"/>
      <c r="L121" s="110"/>
      <c r="M121" s="110"/>
      <c r="N121" s="110"/>
      <c r="O121" s="110"/>
      <c r="P121" s="110"/>
      <c r="Q121" s="110"/>
      <c r="R121" s="110"/>
      <c r="S121" s="110"/>
      <c r="T121" s="110"/>
      <c r="U121" s="110"/>
      <c r="V121" s="110"/>
      <c r="W121" s="110"/>
      <c r="X121" s="110"/>
      <c r="Y121" s="110"/>
      <c r="Z121" s="110"/>
      <c r="AA121" s="110"/>
      <c r="AB121" s="110"/>
      <c r="AC121" s="110"/>
      <c r="AD121" s="110"/>
      <c r="AE121" s="110"/>
      <c r="AF121" s="110"/>
      <c r="AG121" s="110"/>
      <c r="AH121" s="110"/>
      <c r="AI121" s="110"/>
      <c r="AJ121" s="110"/>
      <c r="AK121" s="110"/>
      <c r="AL121" s="110"/>
      <c r="AM121" s="111"/>
    </row>
    <row r="122" spans="1:39" ht="9.75" customHeight="1">
      <c r="A122" s="109"/>
      <c r="B122" s="110"/>
      <c r="C122" s="110"/>
      <c r="D122" s="110"/>
      <c r="E122" s="110"/>
      <c r="F122" s="110"/>
      <c r="G122" s="110"/>
      <c r="H122" s="110"/>
      <c r="I122" s="110"/>
      <c r="J122" s="110"/>
      <c r="K122" s="110"/>
      <c r="L122" s="110"/>
      <c r="M122" s="110"/>
      <c r="N122" s="110"/>
      <c r="O122" s="110"/>
      <c r="P122" s="110"/>
      <c r="Q122" s="110"/>
      <c r="R122" s="110"/>
      <c r="S122" s="110"/>
      <c r="T122" s="110"/>
      <c r="U122" s="110"/>
      <c r="V122" s="110"/>
      <c r="W122" s="110"/>
      <c r="X122" s="110"/>
      <c r="Y122" s="110"/>
      <c r="Z122" s="110"/>
      <c r="AA122" s="110"/>
      <c r="AB122" s="110"/>
      <c r="AC122" s="110"/>
      <c r="AD122" s="110"/>
      <c r="AE122" s="110"/>
      <c r="AF122" s="110"/>
      <c r="AG122" s="110"/>
      <c r="AH122" s="110"/>
      <c r="AI122" s="110"/>
      <c r="AJ122" s="110"/>
      <c r="AK122" s="110"/>
      <c r="AL122" s="110"/>
      <c r="AM122" s="111"/>
    </row>
    <row r="123" spans="1:39" ht="9.75" customHeight="1">
      <c r="A123" s="109"/>
      <c r="B123" s="110"/>
      <c r="C123" s="110"/>
      <c r="D123" s="110"/>
      <c r="E123" s="110"/>
      <c r="F123" s="110"/>
      <c r="G123" s="110"/>
      <c r="H123" s="110"/>
      <c r="I123" s="110"/>
      <c r="J123" s="110"/>
      <c r="K123" s="110"/>
      <c r="L123" s="110"/>
      <c r="M123" s="110"/>
      <c r="N123" s="110"/>
      <c r="O123" s="110"/>
      <c r="P123" s="110"/>
      <c r="Q123" s="110"/>
      <c r="R123" s="110"/>
      <c r="S123" s="110"/>
      <c r="T123" s="110"/>
      <c r="U123" s="110"/>
      <c r="V123" s="110"/>
      <c r="W123" s="110"/>
      <c r="X123" s="110"/>
      <c r="Y123" s="110"/>
      <c r="Z123" s="110"/>
      <c r="AA123" s="110"/>
      <c r="AB123" s="110"/>
      <c r="AC123" s="110"/>
      <c r="AD123" s="110"/>
      <c r="AE123" s="110"/>
      <c r="AF123" s="110"/>
      <c r="AG123" s="110"/>
      <c r="AH123" s="110"/>
      <c r="AI123" s="110"/>
      <c r="AJ123" s="110"/>
      <c r="AK123" s="110"/>
      <c r="AL123" s="110"/>
      <c r="AM123" s="111"/>
    </row>
    <row r="124" spans="1:39" ht="9.75" customHeight="1">
      <c r="A124" s="109"/>
      <c r="B124" s="110"/>
      <c r="C124" s="110"/>
      <c r="D124" s="110"/>
      <c r="E124" s="110"/>
      <c r="F124" s="110"/>
      <c r="G124" s="110"/>
      <c r="H124" s="110"/>
      <c r="I124" s="110"/>
      <c r="J124" s="110"/>
      <c r="K124" s="110"/>
      <c r="L124" s="110"/>
      <c r="M124" s="110"/>
      <c r="N124" s="110"/>
      <c r="O124" s="110"/>
      <c r="P124" s="110"/>
      <c r="Q124" s="110"/>
      <c r="R124" s="110"/>
      <c r="S124" s="110"/>
      <c r="T124" s="110"/>
      <c r="U124" s="110"/>
      <c r="V124" s="110"/>
      <c r="W124" s="110"/>
      <c r="X124" s="110"/>
      <c r="Y124" s="110"/>
      <c r="Z124" s="110"/>
      <c r="AA124" s="110"/>
      <c r="AB124" s="110"/>
      <c r="AC124" s="110"/>
      <c r="AD124" s="110"/>
      <c r="AE124" s="110"/>
      <c r="AF124" s="110"/>
      <c r="AG124" s="110"/>
      <c r="AH124" s="110"/>
      <c r="AI124" s="110"/>
      <c r="AJ124" s="110"/>
      <c r="AK124" s="110"/>
      <c r="AL124" s="110"/>
      <c r="AM124" s="111"/>
    </row>
    <row r="125" spans="1:39" ht="9.75" customHeight="1">
      <c r="A125" s="109"/>
      <c r="B125" s="110"/>
      <c r="C125" s="110"/>
      <c r="D125" s="110"/>
      <c r="E125" s="110"/>
      <c r="F125" s="110"/>
      <c r="G125" s="110"/>
      <c r="H125" s="110"/>
      <c r="I125" s="110"/>
      <c r="J125" s="110"/>
      <c r="K125" s="110"/>
      <c r="L125" s="110"/>
      <c r="M125" s="110"/>
      <c r="N125" s="110"/>
      <c r="O125" s="110"/>
      <c r="P125" s="110"/>
      <c r="Q125" s="110"/>
      <c r="R125" s="110"/>
      <c r="S125" s="110"/>
      <c r="T125" s="110"/>
      <c r="U125" s="110"/>
      <c r="V125" s="110"/>
      <c r="W125" s="110"/>
      <c r="X125" s="110"/>
      <c r="Y125" s="110"/>
      <c r="Z125" s="110"/>
      <c r="AA125" s="110"/>
      <c r="AB125" s="110"/>
      <c r="AC125" s="110"/>
      <c r="AD125" s="110"/>
      <c r="AE125" s="110"/>
      <c r="AF125" s="110"/>
      <c r="AG125" s="110"/>
      <c r="AH125" s="110"/>
      <c r="AI125" s="110"/>
      <c r="AJ125" s="110"/>
      <c r="AK125" s="110"/>
      <c r="AL125" s="110"/>
      <c r="AM125" s="111"/>
    </row>
    <row r="126" spans="1:39" ht="9.75" customHeight="1">
      <c r="A126" s="109"/>
      <c r="B126" s="110"/>
      <c r="C126" s="110"/>
      <c r="D126" s="110"/>
      <c r="E126" s="110"/>
      <c r="F126" s="110"/>
      <c r="G126" s="110"/>
      <c r="H126" s="110"/>
      <c r="I126" s="110"/>
      <c r="J126" s="110"/>
      <c r="K126" s="110"/>
      <c r="L126" s="110"/>
      <c r="M126" s="110"/>
      <c r="N126" s="110"/>
      <c r="O126" s="110"/>
      <c r="P126" s="110"/>
      <c r="Q126" s="110"/>
      <c r="R126" s="110"/>
      <c r="S126" s="110"/>
      <c r="T126" s="110"/>
      <c r="U126" s="110"/>
      <c r="V126" s="110"/>
      <c r="W126" s="110"/>
      <c r="X126" s="110"/>
      <c r="Y126" s="110"/>
      <c r="Z126" s="110"/>
      <c r="AA126" s="110"/>
      <c r="AB126" s="110"/>
      <c r="AC126" s="110"/>
      <c r="AD126" s="110"/>
      <c r="AE126" s="110"/>
      <c r="AF126" s="110"/>
      <c r="AG126" s="110"/>
      <c r="AH126" s="110"/>
      <c r="AI126" s="110"/>
      <c r="AJ126" s="110"/>
      <c r="AK126" s="110"/>
      <c r="AL126" s="110"/>
      <c r="AM126" s="111"/>
    </row>
    <row r="127" spans="1:39" ht="9.75" customHeight="1">
      <c r="A127" s="109"/>
      <c r="B127" s="110"/>
      <c r="C127" s="110"/>
      <c r="D127" s="110"/>
      <c r="E127" s="110"/>
      <c r="F127" s="110"/>
      <c r="G127" s="110"/>
      <c r="H127" s="110"/>
      <c r="I127" s="110"/>
      <c r="J127" s="110"/>
      <c r="K127" s="110"/>
      <c r="L127" s="110"/>
      <c r="M127" s="110"/>
      <c r="N127" s="110"/>
      <c r="O127" s="110"/>
      <c r="P127" s="110"/>
      <c r="Q127" s="110"/>
      <c r="R127" s="110"/>
      <c r="S127" s="110"/>
      <c r="T127" s="110"/>
      <c r="U127" s="110"/>
      <c r="V127" s="110"/>
      <c r="W127" s="110"/>
      <c r="X127" s="110"/>
      <c r="Y127" s="110"/>
      <c r="Z127" s="110"/>
      <c r="AA127" s="110"/>
      <c r="AB127" s="110"/>
      <c r="AC127" s="110"/>
      <c r="AD127" s="110"/>
      <c r="AE127" s="110"/>
      <c r="AF127" s="110"/>
      <c r="AG127" s="110"/>
      <c r="AH127" s="110"/>
      <c r="AI127" s="110"/>
      <c r="AJ127" s="110"/>
      <c r="AK127" s="110"/>
      <c r="AL127" s="110"/>
      <c r="AM127" s="111"/>
    </row>
    <row r="128" spans="1:39" ht="9.75" customHeight="1">
      <c r="A128" s="109"/>
      <c r="B128" s="110"/>
      <c r="C128" s="110"/>
      <c r="D128" s="110"/>
      <c r="E128" s="110"/>
      <c r="F128" s="110"/>
      <c r="G128" s="110"/>
      <c r="H128" s="110"/>
      <c r="I128" s="110"/>
      <c r="J128" s="110"/>
      <c r="K128" s="110"/>
      <c r="L128" s="110"/>
      <c r="M128" s="110"/>
      <c r="N128" s="110"/>
      <c r="O128" s="110"/>
      <c r="P128" s="110"/>
      <c r="Q128" s="110"/>
      <c r="R128" s="110"/>
      <c r="S128" s="110"/>
      <c r="T128" s="110"/>
      <c r="U128" s="110"/>
      <c r="V128" s="110"/>
      <c r="W128" s="110"/>
      <c r="X128" s="110"/>
      <c r="Y128" s="110"/>
      <c r="Z128" s="110"/>
      <c r="AA128" s="110"/>
      <c r="AB128" s="110"/>
      <c r="AC128" s="110"/>
      <c r="AD128" s="110"/>
      <c r="AE128" s="110"/>
      <c r="AF128" s="110"/>
      <c r="AG128" s="110"/>
      <c r="AH128" s="110"/>
      <c r="AI128" s="110"/>
      <c r="AJ128" s="110"/>
      <c r="AK128" s="110"/>
      <c r="AL128" s="110"/>
      <c r="AM128" s="111"/>
    </row>
    <row r="129" spans="1:39" ht="9.75" customHeight="1">
      <c r="A129" s="109"/>
      <c r="B129" s="110"/>
      <c r="C129" s="110"/>
      <c r="D129" s="110"/>
      <c r="E129" s="110"/>
      <c r="F129" s="110"/>
      <c r="G129" s="110"/>
      <c r="H129" s="110"/>
      <c r="I129" s="110"/>
      <c r="J129" s="110"/>
      <c r="K129" s="110"/>
      <c r="L129" s="110"/>
      <c r="M129" s="110"/>
      <c r="N129" s="110"/>
      <c r="O129" s="110"/>
      <c r="P129" s="110"/>
      <c r="Q129" s="110"/>
      <c r="R129" s="110"/>
      <c r="S129" s="110"/>
      <c r="T129" s="110"/>
      <c r="U129" s="110"/>
      <c r="V129" s="110"/>
      <c r="W129" s="110"/>
      <c r="X129" s="110"/>
      <c r="Y129" s="110"/>
      <c r="Z129" s="110"/>
      <c r="AA129" s="110"/>
      <c r="AB129" s="110"/>
      <c r="AC129" s="110"/>
      <c r="AD129" s="110"/>
      <c r="AE129" s="110"/>
      <c r="AF129" s="110"/>
      <c r="AG129" s="110"/>
      <c r="AH129" s="110"/>
      <c r="AI129" s="110"/>
      <c r="AJ129" s="110"/>
      <c r="AK129" s="110"/>
      <c r="AL129" s="110"/>
      <c r="AM129" s="111"/>
    </row>
    <row r="130" spans="1:39" ht="9.75" customHeight="1">
      <c r="A130" s="109"/>
      <c r="B130" s="110"/>
      <c r="C130" s="110"/>
      <c r="D130" s="110"/>
      <c r="E130" s="110"/>
      <c r="F130" s="110"/>
      <c r="G130" s="110"/>
      <c r="H130" s="110"/>
      <c r="I130" s="110"/>
      <c r="J130" s="110"/>
      <c r="K130" s="110"/>
      <c r="L130" s="110"/>
      <c r="M130" s="110"/>
      <c r="N130" s="110"/>
      <c r="O130" s="110"/>
      <c r="P130" s="110"/>
      <c r="Q130" s="110"/>
      <c r="R130" s="110"/>
      <c r="S130" s="110"/>
      <c r="T130" s="110"/>
      <c r="U130" s="110"/>
      <c r="V130" s="110"/>
      <c r="W130" s="110"/>
      <c r="X130" s="110"/>
      <c r="Y130" s="110"/>
      <c r="Z130" s="110"/>
      <c r="AA130" s="110"/>
      <c r="AB130" s="110"/>
      <c r="AC130" s="110"/>
      <c r="AD130" s="110"/>
      <c r="AE130" s="110"/>
      <c r="AF130" s="110"/>
      <c r="AG130" s="110"/>
      <c r="AH130" s="110"/>
      <c r="AI130" s="110"/>
      <c r="AJ130" s="110"/>
      <c r="AK130" s="110"/>
      <c r="AL130" s="110"/>
      <c r="AM130" s="111"/>
    </row>
    <row r="131" spans="1:39" ht="9.75" customHeight="1">
      <c r="A131" s="109"/>
      <c r="B131" s="110"/>
      <c r="C131" s="110"/>
      <c r="D131" s="110"/>
      <c r="E131" s="110"/>
      <c r="F131" s="110"/>
      <c r="G131" s="110"/>
      <c r="H131" s="110"/>
      <c r="I131" s="110"/>
      <c r="J131" s="110"/>
      <c r="K131" s="110"/>
      <c r="L131" s="110"/>
      <c r="M131" s="110"/>
      <c r="N131" s="110"/>
      <c r="O131" s="110"/>
      <c r="P131" s="110"/>
      <c r="Q131" s="110"/>
      <c r="R131" s="110"/>
      <c r="S131" s="110"/>
      <c r="T131" s="110"/>
      <c r="U131" s="110"/>
      <c r="V131" s="110"/>
      <c r="W131" s="110"/>
      <c r="X131" s="110"/>
      <c r="Y131" s="110"/>
      <c r="Z131" s="110"/>
      <c r="AA131" s="110"/>
      <c r="AB131" s="110"/>
      <c r="AC131" s="110"/>
      <c r="AD131" s="110"/>
      <c r="AE131" s="110"/>
      <c r="AF131" s="110"/>
      <c r="AG131" s="110"/>
      <c r="AH131" s="110"/>
      <c r="AI131" s="110"/>
      <c r="AJ131" s="110"/>
      <c r="AK131" s="110"/>
      <c r="AL131" s="110"/>
      <c r="AM131" s="111"/>
    </row>
    <row r="132" spans="1:39" ht="9.75" customHeight="1">
      <c r="A132" s="109"/>
      <c r="B132" s="110"/>
      <c r="C132" s="110"/>
      <c r="D132" s="110"/>
      <c r="E132" s="110"/>
      <c r="F132" s="110"/>
      <c r="G132" s="110"/>
      <c r="H132" s="110"/>
      <c r="I132" s="110"/>
      <c r="J132" s="110"/>
      <c r="K132" s="110"/>
      <c r="L132" s="110"/>
      <c r="M132" s="110"/>
      <c r="N132" s="110"/>
      <c r="O132" s="110"/>
      <c r="P132" s="110"/>
      <c r="Q132" s="110"/>
      <c r="R132" s="110"/>
      <c r="S132" s="110"/>
      <c r="T132" s="110"/>
      <c r="U132" s="110"/>
      <c r="V132" s="110"/>
      <c r="W132" s="110"/>
      <c r="X132" s="110"/>
      <c r="Y132" s="110"/>
      <c r="Z132" s="110"/>
      <c r="AA132" s="110"/>
      <c r="AB132" s="110"/>
      <c r="AC132" s="110"/>
      <c r="AD132" s="110"/>
      <c r="AE132" s="110"/>
      <c r="AF132" s="110"/>
      <c r="AG132" s="110"/>
      <c r="AH132" s="110"/>
      <c r="AI132" s="110"/>
      <c r="AJ132" s="110"/>
      <c r="AK132" s="110"/>
      <c r="AL132" s="110"/>
      <c r="AM132" s="111"/>
    </row>
    <row r="133" spans="1:39" ht="9.75" customHeight="1">
      <c r="A133" s="109"/>
      <c r="B133" s="110"/>
      <c r="C133" s="110"/>
      <c r="D133" s="110"/>
      <c r="E133" s="110"/>
      <c r="F133" s="110"/>
      <c r="G133" s="110"/>
      <c r="H133" s="110"/>
      <c r="I133" s="110"/>
      <c r="J133" s="110"/>
      <c r="K133" s="110"/>
      <c r="L133" s="110"/>
      <c r="M133" s="110"/>
      <c r="N133" s="110"/>
      <c r="O133" s="110"/>
      <c r="P133" s="110"/>
      <c r="Q133" s="110"/>
      <c r="R133" s="110"/>
      <c r="S133" s="110"/>
      <c r="T133" s="110"/>
      <c r="U133" s="110"/>
      <c r="V133" s="110"/>
      <c r="W133" s="110"/>
      <c r="X133" s="110"/>
      <c r="Y133" s="110"/>
      <c r="Z133" s="110"/>
      <c r="AA133" s="110"/>
      <c r="AB133" s="110"/>
      <c r="AC133" s="110"/>
      <c r="AD133" s="110"/>
      <c r="AE133" s="110"/>
      <c r="AF133" s="110"/>
      <c r="AG133" s="110"/>
      <c r="AH133" s="110"/>
      <c r="AI133" s="110"/>
      <c r="AJ133" s="110"/>
      <c r="AK133" s="110"/>
      <c r="AL133" s="110"/>
      <c r="AM133" s="111"/>
    </row>
    <row r="134" spans="1:39" ht="9.75" customHeight="1">
      <c r="A134" s="109"/>
      <c r="B134" s="110"/>
      <c r="C134" s="110"/>
      <c r="D134" s="110"/>
      <c r="E134" s="110"/>
      <c r="F134" s="110"/>
      <c r="G134" s="110"/>
      <c r="H134" s="110"/>
      <c r="I134" s="110"/>
      <c r="J134" s="110"/>
      <c r="K134" s="110"/>
      <c r="L134" s="110"/>
      <c r="M134" s="110"/>
      <c r="N134" s="110"/>
      <c r="O134" s="110"/>
      <c r="P134" s="110"/>
      <c r="Q134" s="110"/>
      <c r="R134" s="110"/>
      <c r="S134" s="110"/>
      <c r="T134" s="110"/>
      <c r="U134" s="110"/>
      <c r="V134" s="110"/>
      <c r="W134" s="110"/>
      <c r="X134" s="110"/>
      <c r="Y134" s="110"/>
      <c r="Z134" s="110"/>
      <c r="AA134" s="110"/>
      <c r="AB134" s="110"/>
      <c r="AC134" s="110"/>
      <c r="AD134" s="110"/>
      <c r="AE134" s="110"/>
      <c r="AF134" s="110"/>
      <c r="AG134" s="110"/>
      <c r="AH134" s="110"/>
      <c r="AI134" s="110"/>
      <c r="AJ134" s="110"/>
      <c r="AK134" s="110"/>
      <c r="AL134" s="110"/>
      <c r="AM134" s="111"/>
    </row>
    <row r="135" spans="1:39" ht="9.75" customHeight="1">
      <c r="A135" s="109"/>
      <c r="B135" s="110"/>
      <c r="C135" s="110"/>
      <c r="D135" s="110"/>
      <c r="E135" s="110"/>
      <c r="F135" s="110"/>
      <c r="G135" s="110"/>
      <c r="H135" s="110"/>
      <c r="I135" s="110"/>
      <c r="J135" s="110"/>
      <c r="K135" s="110"/>
      <c r="L135" s="110"/>
      <c r="M135" s="110"/>
      <c r="N135" s="110"/>
      <c r="O135" s="110"/>
      <c r="P135" s="110"/>
      <c r="Q135" s="110"/>
      <c r="R135" s="110"/>
      <c r="S135" s="110"/>
      <c r="T135" s="110"/>
      <c r="U135" s="110"/>
      <c r="V135" s="110"/>
      <c r="W135" s="110"/>
      <c r="X135" s="110"/>
      <c r="Y135" s="110"/>
      <c r="Z135" s="110"/>
      <c r="AA135" s="110"/>
      <c r="AB135" s="110"/>
      <c r="AC135" s="110"/>
      <c r="AD135" s="110"/>
      <c r="AE135" s="110"/>
      <c r="AF135" s="110"/>
      <c r="AG135" s="110"/>
      <c r="AH135" s="110"/>
      <c r="AI135" s="110"/>
      <c r="AJ135" s="110"/>
      <c r="AK135" s="110"/>
      <c r="AL135" s="110"/>
      <c r="AM135" s="111"/>
    </row>
    <row r="136" spans="1:39" ht="9.75" customHeight="1">
      <c r="A136" s="109"/>
      <c r="B136" s="110"/>
      <c r="C136" s="110"/>
      <c r="D136" s="110"/>
      <c r="E136" s="110"/>
      <c r="F136" s="110"/>
      <c r="G136" s="110"/>
      <c r="H136" s="110"/>
      <c r="I136" s="110"/>
      <c r="J136" s="110"/>
      <c r="K136" s="110"/>
      <c r="L136" s="110"/>
      <c r="M136" s="110"/>
      <c r="N136" s="110"/>
      <c r="O136" s="110"/>
      <c r="P136" s="110"/>
      <c r="Q136" s="110"/>
      <c r="R136" s="110"/>
      <c r="S136" s="110"/>
      <c r="T136" s="110"/>
      <c r="U136" s="110"/>
      <c r="V136" s="110"/>
      <c r="W136" s="110"/>
      <c r="X136" s="110"/>
      <c r="Y136" s="110"/>
      <c r="Z136" s="110"/>
      <c r="AA136" s="110"/>
      <c r="AB136" s="110"/>
      <c r="AC136" s="110"/>
      <c r="AD136" s="110"/>
      <c r="AE136" s="110"/>
      <c r="AF136" s="110"/>
      <c r="AG136" s="110"/>
      <c r="AH136" s="110"/>
      <c r="AI136" s="110"/>
      <c r="AJ136" s="110"/>
      <c r="AK136" s="110"/>
      <c r="AL136" s="110"/>
      <c r="AM136" s="111"/>
    </row>
    <row r="137" spans="1:39" ht="9.75" customHeight="1">
      <c r="A137" s="109"/>
      <c r="B137" s="110"/>
      <c r="C137" s="110"/>
      <c r="D137" s="110"/>
      <c r="E137" s="110"/>
      <c r="F137" s="110"/>
      <c r="G137" s="110"/>
      <c r="H137" s="110"/>
      <c r="I137" s="110"/>
      <c r="J137" s="110"/>
      <c r="K137" s="110"/>
      <c r="L137" s="110"/>
      <c r="M137" s="110"/>
      <c r="N137" s="110"/>
      <c r="O137" s="110"/>
      <c r="P137" s="110"/>
      <c r="Q137" s="110"/>
      <c r="R137" s="110"/>
      <c r="S137" s="110"/>
      <c r="T137" s="110"/>
      <c r="U137" s="110"/>
      <c r="V137" s="110"/>
      <c r="W137" s="110"/>
      <c r="X137" s="110"/>
      <c r="Y137" s="110"/>
      <c r="Z137" s="110"/>
      <c r="AA137" s="110"/>
      <c r="AB137" s="110"/>
      <c r="AC137" s="110"/>
      <c r="AD137" s="110"/>
      <c r="AE137" s="110"/>
      <c r="AF137" s="110"/>
      <c r="AG137" s="110"/>
      <c r="AH137" s="110"/>
      <c r="AI137" s="110"/>
      <c r="AJ137" s="110"/>
      <c r="AK137" s="110"/>
      <c r="AL137" s="110"/>
      <c r="AM137" s="111"/>
    </row>
    <row r="138" spans="1:39" ht="9.75" customHeight="1">
      <c r="A138" s="109"/>
      <c r="B138" s="110"/>
      <c r="C138" s="110"/>
      <c r="D138" s="110"/>
      <c r="E138" s="110"/>
      <c r="F138" s="110"/>
      <c r="G138" s="110"/>
      <c r="H138" s="110"/>
      <c r="I138" s="110"/>
      <c r="J138" s="110"/>
      <c r="K138" s="110"/>
      <c r="L138" s="110"/>
      <c r="M138" s="110"/>
      <c r="N138" s="110"/>
      <c r="O138" s="110"/>
      <c r="P138" s="110"/>
      <c r="Q138" s="110"/>
      <c r="R138" s="110"/>
      <c r="S138" s="110"/>
      <c r="T138" s="110"/>
      <c r="U138" s="110"/>
      <c r="V138" s="110"/>
      <c r="W138" s="110"/>
      <c r="X138" s="110"/>
      <c r="Y138" s="110"/>
      <c r="Z138" s="110"/>
      <c r="AA138" s="110"/>
      <c r="AB138" s="110"/>
      <c r="AC138" s="110"/>
      <c r="AD138" s="110"/>
      <c r="AE138" s="110"/>
      <c r="AF138" s="110"/>
      <c r="AG138" s="110"/>
      <c r="AH138" s="110"/>
      <c r="AI138" s="110"/>
      <c r="AJ138" s="110"/>
      <c r="AK138" s="110"/>
      <c r="AL138" s="110"/>
      <c r="AM138" s="111"/>
    </row>
    <row r="139" spans="1:39" ht="9.75" customHeight="1">
      <c r="A139" s="109"/>
      <c r="B139" s="110"/>
      <c r="C139" s="110"/>
      <c r="D139" s="110"/>
      <c r="E139" s="110"/>
      <c r="F139" s="110"/>
      <c r="G139" s="110"/>
      <c r="H139" s="110"/>
      <c r="I139" s="110"/>
      <c r="J139" s="110"/>
      <c r="K139" s="110"/>
      <c r="L139" s="110"/>
      <c r="M139" s="110"/>
      <c r="N139" s="110"/>
      <c r="O139" s="110"/>
      <c r="P139" s="110"/>
      <c r="Q139" s="110"/>
      <c r="R139" s="110"/>
      <c r="S139" s="110"/>
      <c r="T139" s="110"/>
      <c r="U139" s="110"/>
      <c r="V139" s="110"/>
      <c r="W139" s="110"/>
      <c r="X139" s="110"/>
      <c r="Y139" s="110"/>
      <c r="Z139" s="110"/>
      <c r="AA139" s="110"/>
      <c r="AB139" s="110"/>
      <c r="AC139" s="110"/>
      <c r="AD139" s="110"/>
      <c r="AE139" s="110"/>
      <c r="AF139" s="110"/>
      <c r="AG139" s="110"/>
      <c r="AH139" s="110"/>
      <c r="AI139" s="110"/>
      <c r="AJ139" s="110"/>
      <c r="AK139" s="110"/>
      <c r="AL139" s="110"/>
      <c r="AM139" s="111"/>
    </row>
    <row r="140" spans="1:39" ht="9.75" customHeight="1">
      <c r="A140" s="109"/>
      <c r="B140" s="110"/>
      <c r="C140" s="110"/>
      <c r="D140" s="110"/>
      <c r="E140" s="110"/>
      <c r="F140" s="110"/>
      <c r="G140" s="110"/>
      <c r="H140" s="110"/>
      <c r="I140" s="110"/>
      <c r="J140" s="110"/>
      <c r="K140" s="110"/>
      <c r="L140" s="110"/>
      <c r="M140" s="110"/>
      <c r="N140" s="110"/>
      <c r="O140" s="110"/>
      <c r="P140" s="110"/>
      <c r="Q140" s="110"/>
      <c r="R140" s="110"/>
      <c r="S140" s="110"/>
      <c r="T140" s="110"/>
      <c r="U140" s="110"/>
      <c r="V140" s="110"/>
      <c r="W140" s="110"/>
      <c r="X140" s="110"/>
      <c r="Y140" s="110"/>
      <c r="Z140" s="110"/>
      <c r="AA140" s="110"/>
      <c r="AB140" s="110"/>
      <c r="AC140" s="110"/>
      <c r="AD140" s="110"/>
      <c r="AE140" s="110"/>
      <c r="AF140" s="110"/>
      <c r="AG140" s="110"/>
      <c r="AH140" s="110"/>
      <c r="AI140" s="110"/>
      <c r="AJ140" s="110"/>
      <c r="AK140" s="110"/>
      <c r="AL140" s="110"/>
      <c r="AM140" s="111"/>
    </row>
    <row r="141" spans="1:39" ht="9.75" customHeight="1">
      <c r="A141" s="109"/>
      <c r="B141" s="110"/>
      <c r="C141" s="110"/>
      <c r="D141" s="110"/>
      <c r="E141" s="110"/>
      <c r="F141" s="110"/>
      <c r="G141" s="110"/>
      <c r="H141" s="110"/>
      <c r="I141" s="110"/>
      <c r="J141" s="110"/>
      <c r="K141" s="110"/>
      <c r="L141" s="110"/>
      <c r="M141" s="110"/>
      <c r="N141" s="110"/>
      <c r="O141" s="110"/>
      <c r="P141" s="110"/>
      <c r="Q141" s="110"/>
      <c r="R141" s="110"/>
      <c r="S141" s="110"/>
      <c r="T141" s="110"/>
      <c r="U141" s="110"/>
      <c r="V141" s="110"/>
      <c r="W141" s="110"/>
      <c r="X141" s="110"/>
      <c r="Y141" s="110"/>
      <c r="Z141" s="110"/>
      <c r="AA141" s="110"/>
      <c r="AB141" s="110"/>
      <c r="AC141" s="110"/>
      <c r="AD141" s="110"/>
      <c r="AE141" s="110"/>
      <c r="AF141" s="110"/>
      <c r="AG141" s="110"/>
      <c r="AH141" s="110"/>
      <c r="AI141" s="110"/>
      <c r="AJ141" s="110"/>
      <c r="AK141" s="110"/>
      <c r="AL141" s="110"/>
      <c r="AM141" s="111"/>
    </row>
    <row r="142" spans="1:39" ht="9.75" customHeight="1">
      <c r="A142" s="109"/>
      <c r="B142" s="110"/>
      <c r="C142" s="110"/>
      <c r="D142" s="110"/>
      <c r="E142" s="110"/>
      <c r="F142" s="110"/>
      <c r="G142" s="110"/>
      <c r="H142" s="110"/>
      <c r="I142" s="110"/>
      <c r="J142" s="110"/>
      <c r="K142" s="110"/>
      <c r="L142" s="110"/>
      <c r="M142" s="110"/>
      <c r="N142" s="110"/>
      <c r="O142" s="110"/>
      <c r="P142" s="110"/>
      <c r="Q142" s="110"/>
      <c r="R142" s="110"/>
      <c r="S142" s="110"/>
      <c r="T142" s="110"/>
      <c r="U142" s="110"/>
      <c r="V142" s="110"/>
      <c r="W142" s="110"/>
      <c r="X142" s="110"/>
      <c r="Y142" s="110"/>
      <c r="Z142" s="110"/>
      <c r="AA142" s="110"/>
      <c r="AB142" s="110"/>
      <c r="AC142" s="110"/>
      <c r="AD142" s="110"/>
      <c r="AE142" s="110"/>
      <c r="AF142" s="110"/>
      <c r="AG142" s="110"/>
      <c r="AH142" s="110"/>
      <c r="AI142" s="110"/>
      <c r="AJ142" s="110"/>
      <c r="AK142" s="110"/>
      <c r="AL142" s="110"/>
      <c r="AM142" s="111"/>
    </row>
    <row r="143" spans="1:39" ht="9.75" customHeight="1">
      <c r="A143" s="109"/>
      <c r="B143" s="110"/>
      <c r="C143" s="110"/>
      <c r="D143" s="110"/>
      <c r="E143" s="110"/>
      <c r="F143" s="110"/>
      <c r="G143" s="110"/>
      <c r="H143" s="110"/>
      <c r="I143" s="110"/>
      <c r="J143" s="110"/>
      <c r="K143" s="110"/>
      <c r="L143" s="110"/>
      <c r="M143" s="110"/>
      <c r="N143" s="110"/>
      <c r="O143" s="110"/>
      <c r="P143" s="110"/>
      <c r="Q143" s="110"/>
      <c r="R143" s="110"/>
      <c r="S143" s="110"/>
      <c r="T143" s="110"/>
      <c r="U143" s="110"/>
      <c r="V143" s="110"/>
      <c r="W143" s="110"/>
      <c r="X143" s="110"/>
      <c r="Y143" s="110"/>
      <c r="Z143" s="110"/>
      <c r="AA143" s="110"/>
      <c r="AB143" s="110"/>
      <c r="AC143" s="110"/>
      <c r="AD143" s="110"/>
      <c r="AE143" s="110"/>
      <c r="AF143" s="110"/>
      <c r="AG143" s="110"/>
      <c r="AH143" s="110"/>
      <c r="AI143" s="110"/>
      <c r="AJ143" s="110"/>
      <c r="AK143" s="110"/>
      <c r="AL143" s="110"/>
      <c r="AM143" s="111"/>
    </row>
    <row r="144" spans="1:39" ht="9.75" customHeight="1">
      <c r="A144" s="109"/>
      <c r="B144" s="110"/>
      <c r="C144" s="110"/>
      <c r="D144" s="110"/>
      <c r="E144" s="110"/>
      <c r="F144" s="110"/>
      <c r="G144" s="110"/>
      <c r="H144" s="110"/>
      <c r="I144" s="110"/>
      <c r="J144" s="110"/>
      <c r="K144" s="110"/>
      <c r="L144" s="110"/>
      <c r="M144" s="110"/>
      <c r="N144" s="110"/>
      <c r="O144" s="110"/>
      <c r="P144" s="110"/>
      <c r="Q144" s="110"/>
      <c r="R144" s="110"/>
      <c r="S144" s="110"/>
      <c r="T144" s="110"/>
      <c r="U144" s="110"/>
      <c r="V144" s="110"/>
      <c r="W144" s="110"/>
      <c r="X144" s="110"/>
      <c r="Y144" s="110"/>
      <c r="Z144" s="110"/>
      <c r="AA144" s="110"/>
      <c r="AB144" s="110"/>
      <c r="AC144" s="110"/>
      <c r="AD144" s="110"/>
      <c r="AE144" s="110"/>
      <c r="AF144" s="110"/>
      <c r="AG144" s="110"/>
      <c r="AH144" s="110"/>
      <c r="AI144" s="110"/>
      <c r="AJ144" s="110"/>
      <c r="AK144" s="110"/>
      <c r="AL144" s="110"/>
      <c r="AM144" s="111"/>
    </row>
    <row r="145" spans="1:39" ht="9.75" customHeight="1">
      <c r="A145" s="109"/>
      <c r="B145" s="110"/>
      <c r="C145" s="110"/>
      <c r="D145" s="110"/>
      <c r="E145" s="110"/>
      <c r="F145" s="110"/>
      <c r="G145" s="110"/>
      <c r="H145" s="110"/>
      <c r="I145" s="110"/>
      <c r="J145" s="110"/>
      <c r="K145" s="110"/>
      <c r="L145" s="110"/>
      <c r="M145" s="110"/>
      <c r="N145" s="110"/>
      <c r="O145" s="110"/>
      <c r="P145" s="110"/>
      <c r="Q145" s="110"/>
      <c r="R145" s="110"/>
      <c r="S145" s="110"/>
      <c r="T145" s="110"/>
      <c r="U145" s="110"/>
      <c r="V145" s="110"/>
      <c r="W145" s="110"/>
      <c r="X145" s="110"/>
      <c r="Y145" s="110"/>
      <c r="Z145" s="110"/>
      <c r="AA145" s="110"/>
      <c r="AB145" s="110"/>
      <c r="AC145" s="110"/>
      <c r="AD145" s="110"/>
      <c r="AE145" s="110"/>
      <c r="AF145" s="110"/>
      <c r="AG145" s="110"/>
      <c r="AH145" s="110"/>
      <c r="AI145" s="110"/>
      <c r="AJ145" s="110"/>
      <c r="AK145" s="110"/>
      <c r="AL145" s="110"/>
      <c r="AM145" s="111"/>
    </row>
    <row r="146" spans="1:39" ht="9.75" customHeight="1">
      <c r="A146" s="109"/>
      <c r="B146" s="110"/>
      <c r="C146" s="110"/>
      <c r="D146" s="110"/>
      <c r="E146" s="110"/>
      <c r="F146" s="110"/>
      <c r="G146" s="110"/>
      <c r="H146" s="110"/>
      <c r="I146" s="110"/>
      <c r="J146" s="110"/>
      <c r="K146" s="110"/>
      <c r="L146" s="110"/>
      <c r="M146" s="110"/>
      <c r="N146" s="110"/>
      <c r="O146" s="110"/>
      <c r="P146" s="110"/>
      <c r="Q146" s="110"/>
      <c r="R146" s="110"/>
      <c r="S146" s="110"/>
      <c r="T146" s="110"/>
      <c r="U146" s="110"/>
      <c r="V146" s="110"/>
      <c r="W146" s="110"/>
      <c r="X146" s="110"/>
      <c r="Y146" s="110"/>
      <c r="Z146" s="110"/>
      <c r="AA146" s="110"/>
      <c r="AB146" s="110"/>
      <c r="AC146" s="110"/>
      <c r="AD146" s="110"/>
      <c r="AE146" s="110"/>
      <c r="AF146" s="110"/>
      <c r="AG146" s="110"/>
      <c r="AH146" s="110"/>
      <c r="AI146" s="110"/>
      <c r="AJ146" s="110"/>
      <c r="AK146" s="110"/>
      <c r="AL146" s="110"/>
      <c r="AM146" s="111"/>
    </row>
    <row r="147" spans="1:39" ht="9.75" customHeight="1">
      <c r="A147" s="109"/>
      <c r="B147" s="110"/>
      <c r="C147" s="110"/>
      <c r="D147" s="110"/>
      <c r="E147" s="110"/>
      <c r="F147" s="110"/>
      <c r="G147" s="110"/>
      <c r="H147" s="110"/>
      <c r="I147" s="110"/>
      <c r="J147" s="110"/>
      <c r="K147" s="110"/>
      <c r="L147" s="110"/>
      <c r="M147" s="110"/>
      <c r="N147" s="110"/>
      <c r="O147" s="110"/>
      <c r="P147" s="110"/>
      <c r="Q147" s="110"/>
      <c r="R147" s="110"/>
      <c r="S147" s="110"/>
      <c r="T147" s="110"/>
      <c r="U147" s="110"/>
      <c r="V147" s="110"/>
      <c r="W147" s="110"/>
      <c r="X147" s="110"/>
      <c r="Y147" s="110"/>
      <c r="Z147" s="110"/>
      <c r="AA147" s="110"/>
      <c r="AB147" s="110"/>
      <c r="AC147" s="110"/>
      <c r="AD147" s="110"/>
      <c r="AE147" s="110"/>
      <c r="AF147" s="110"/>
      <c r="AG147" s="110"/>
      <c r="AH147" s="110"/>
      <c r="AI147" s="110"/>
      <c r="AJ147" s="110"/>
      <c r="AK147" s="110"/>
      <c r="AL147" s="110"/>
      <c r="AM147" s="111"/>
    </row>
    <row r="148" spans="1:39" ht="9.75" customHeight="1">
      <c r="A148" s="109"/>
      <c r="B148" s="110"/>
      <c r="C148" s="110"/>
      <c r="D148" s="110"/>
      <c r="E148" s="110"/>
      <c r="F148" s="110"/>
      <c r="G148" s="110"/>
      <c r="H148" s="110"/>
      <c r="I148" s="110"/>
      <c r="J148" s="110"/>
      <c r="K148" s="110"/>
      <c r="L148" s="110"/>
      <c r="M148" s="110"/>
      <c r="N148" s="110"/>
      <c r="O148" s="110"/>
      <c r="P148" s="110"/>
      <c r="Q148" s="110"/>
      <c r="R148" s="110"/>
      <c r="S148" s="110"/>
      <c r="T148" s="110"/>
      <c r="U148" s="110"/>
      <c r="V148" s="110"/>
      <c r="W148" s="110"/>
      <c r="X148" s="110"/>
      <c r="Y148" s="110"/>
      <c r="Z148" s="110"/>
      <c r="AA148" s="110"/>
      <c r="AB148" s="110"/>
      <c r="AC148" s="110"/>
      <c r="AD148" s="110"/>
      <c r="AE148" s="110"/>
      <c r="AF148" s="110"/>
      <c r="AG148" s="110"/>
      <c r="AH148" s="110"/>
      <c r="AI148" s="110"/>
      <c r="AJ148" s="110"/>
      <c r="AK148" s="110"/>
      <c r="AL148" s="110"/>
      <c r="AM148" s="111"/>
    </row>
    <row r="149" spans="1:39" ht="9.75" customHeight="1">
      <c r="A149" s="109"/>
      <c r="B149" s="110"/>
      <c r="C149" s="110"/>
      <c r="D149" s="110"/>
      <c r="E149" s="110"/>
      <c r="F149" s="110"/>
      <c r="G149" s="110"/>
      <c r="H149" s="110"/>
      <c r="I149" s="110"/>
      <c r="J149" s="110"/>
      <c r="K149" s="110"/>
      <c r="L149" s="110"/>
      <c r="M149" s="110"/>
      <c r="N149" s="110"/>
      <c r="O149" s="110"/>
      <c r="P149" s="110"/>
      <c r="Q149" s="110"/>
      <c r="R149" s="110"/>
      <c r="S149" s="110"/>
      <c r="T149" s="110"/>
      <c r="U149" s="110"/>
      <c r="V149" s="110"/>
      <c r="W149" s="110"/>
      <c r="X149" s="110"/>
      <c r="Y149" s="110"/>
      <c r="Z149" s="110"/>
      <c r="AA149" s="110"/>
      <c r="AB149" s="110"/>
      <c r="AC149" s="110"/>
      <c r="AD149" s="110"/>
      <c r="AE149" s="110"/>
      <c r="AF149" s="110"/>
      <c r="AG149" s="110"/>
      <c r="AH149" s="110"/>
      <c r="AI149" s="110"/>
      <c r="AJ149" s="110"/>
      <c r="AK149" s="110"/>
      <c r="AL149" s="110"/>
      <c r="AM149" s="111"/>
    </row>
    <row r="150" spans="1:39" ht="9.75" customHeight="1">
      <c r="A150" s="109"/>
      <c r="B150" s="110"/>
      <c r="C150" s="110"/>
      <c r="D150" s="110"/>
      <c r="E150" s="110"/>
      <c r="F150" s="110"/>
      <c r="G150" s="110"/>
      <c r="H150" s="110"/>
      <c r="I150" s="110"/>
      <c r="J150" s="110"/>
      <c r="K150" s="110"/>
      <c r="L150" s="110"/>
      <c r="M150" s="110"/>
      <c r="N150" s="110"/>
      <c r="O150" s="110"/>
      <c r="P150" s="110"/>
      <c r="Q150" s="110"/>
      <c r="R150" s="110"/>
      <c r="S150" s="110"/>
      <c r="T150" s="110"/>
      <c r="U150" s="110"/>
      <c r="V150" s="110"/>
      <c r="W150" s="110"/>
      <c r="X150" s="110"/>
      <c r="Y150" s="110"/>
      <c r="Z150" s="110"/>
      <c r="AA150" s="110"/>
      <c r="AB150" s="110"/>
      <c r="AC150" s="110"/>
      <c r="AD150" s="110"/>
      <c r="AE150" s="110"/>
      <c r="AF150" s="110"/>
      <c r="AG150" s="110"/>
      <c r="AH150" s="110"/>
      <c r="AI150" s="110"/>
      <c r="AJ150" s="110"/>
      <c r="AK150" s="110"/>
      <c r="AL150" s="110"/>
      <c r="AM150" s="111"/>
    </row>
    <row r="151" spans="1:39" ht="9.75" customHeight="1">
      <c r="A151" s="109"/>
      <c r="B151" s="110"/>
      <c r="C151" s="110"/>
      <c r="D151" s="110"/>
      <c r="E151" s="110"/>
      <c r="F151" s="110"/>
      <c r="G151" s="110"/>
      <c r="H151" s="110"/>
      <c r="I151" s="110"/>
      <c r="J151" s="110"/>
      <c r="K151" s="110"/>
      <c r="L151" s="110"/>
      <c r="M151" s="110"/>
      <c r="N151" s="110"/>
      <c r="O151" s="110"/>
      <c r="P151" s="110"/>
      <c r="Q151" s="110"/>
      <c r="R151" s="110"/>
      <c r="S151" s="110"/>
      <c r="T151" s="110"/>
      <c r="U151" s="110"/>
      <c r="V151" s="110"/>
      <c r="W151" s="110"/>
      <c r="X151" s="110"/>
      <c r="Y151" s="110"/>
      <c r="Z151" s="110"/>
      <c r="AA151" s="110"/>
      <c r="AB151" s="110"/>
      <c r="AC151" s="110"/>
      <c r="AD151" s="110"/>
      <c r="AE151" s="110"/>
      <c r="AF151" s="110"/>
      <c r="AG151" s="110"/>
      <c r="AH151" s="110"/>
      <c r="AI151" s="110"/>
      <c r="AJ151" s="110"/>
      <c r="AK151" s="110"/>
      <c r="AL151" s="110"/>
      <c r="AM151" s="111"/>
    </row>
    <row r="152" spans="1:39" ht="9.75" customHeight="1">
      <c r="A152" s="109"/>
      <c r="B152" s="110"/>
      <c r="C152" s="110"/>
      <c r="D152" s="110"/>
      <c r="E152" s="110"/>
      <c r="F152" s="110"/>
      <c r="G152" s="110"/>
      <c r="H152" s="110"/>
      <c r="I152" s="110"/>
      <c r="J152" s="110"/>
      <c r="K152" s="110"/>
      <c r="L152" s="110"/>
      <c r="M152" s="110"/>
      <c r="N152" s="110"/>
      <c r="O152" s="110"/>
      <c r="P152" s="110"/>
      <c r="Q152" s="110"/>
      <c r="R152" s="110"/>
      <c r="S152" s="110"/>
      <c r="T152" s="110"/>
      <c r="U152" s="110"/>
      <c r="V152" s="110"/>
      <c r="W152" s="110"/>
      <c r="X152" s="110"/>
      <c r="Y152" s="110"/>
      <c r="Z152" s="110"/>
      <c r="AA152" s="110"/>
      <c r="AB152" s="110"/>
      <c r="AC152" s="110"/>
      <c r="AD152" s="110"/>
      <c r="AE152" s="110"/>
      <c r="AF152" s="110"/>
      <c r="AG152" s="110"/>
      <c r="AH152" s="110"/>
      <c r="AI152" s="110"/>
      <c r="AJ152" s="110"/>
      <c r="AK152" s="110"/>
      <c r="AL152" s="110"/>
      <c r="AM152" s="111"/>
    </row>
    <row r="153" spans="1:39" ht="9.75" customHeight="1">
      <c r="A153" s="109"/>
      <c r="B153" s="110"/>
      <c r="C153" s="110"/>
      <c r="D153" s="110"/>
      <c r="E153" s="110"/>
      <c r="F153" s="110"/>
      <c r="G153" s="110"/>
      <c r="H153" s="110"/>
      <c r="I153" s="110"/>
      <c r="J153" s="110"/>
      <c r="K153" s="110"/>
      <c r="L153" s="110"/>
      <c r="M153" s="110"/>
      <c r="N153" s="110"/>
      <c r="O153" s="110"/>
      <c r="P153" s="110"/>
      <c r="Q153" s="110"/>
      <c r="R153" s="110"/>
      <c r="S153" s="110"/>
      <c r="T153" s="110"/>
      <c r="U153" s="110"/>
      <c r="V153" s="110"/>
      <c r="W153" s="110"/>
      <c r="X153" s="110"/>
      <c r="Y153" s="110"/>
      <c r="Z153" s="110"/>
      <c r="AA153" s="110"/>
      <c r="AB153" s="110"/>
      <c r="AC153" s="110"/>
      <c r="AD153" s="110"/>
      <c r="AE153" s="110"/>
      <c r="AF153" s="110"/>
      <c r="AG153" s="110"/>
      <c r="AH153" s="110"/>
      <c r="AI153" s="110"/>
      <c r="AJ153" s="110"/>
      <c r="AK153" s="110"/>
      <c r="AL153" s="110"/>
      <c r="AM153" s="111"/>
    </row>
    <row r="154" spans="1:39" ht="9.75" customHeight="1">
      <c r="A154" s="109"/>
      <c r="B154" s="110"/>
      <c r="C154" s="110"/>
      <c r="D154" s="110"/>
      <c r="E154" s="110"/>
      <c r="F154" s="110"/>
      <c r="G154" s="110"/>
      <c r="H154" s="110"/>
      <c r="I154" s="110"/>
      <c r="J154" s="110"/>
      <c r="K154" s="110"/>
      <c r="L154" s="110"/>
      <c r="M154" s="110"/>
      <c r="N154" s="110"/>
      <c r="O154" s="110"/>
      <c r="P154" s="110"/>
      <c r="Q154" s="110"/>
      <c r="R154" s="110"/>
      <c r="S154" s="110"/>
      <c r="T154" s="110"/>
      <c r="U154" s="110"/>
      <c r="V154" s="110"/>
      <c r="W154" s="110"/>
      <c r="X154" s="110"/>
      <c r="Y154" s="110"/>
      <c r="Z154" s="110"/>
      <c r="AA154" s="110"/>
      <c r="AB154" s="110"/>
      <c r="AC154" s="110"/>
      <c r="AD154" s="110"/>
      <c r="AE154" s="110"/>
      <c r="AF154" s="110"/>
      <c r="AG154" s="110"/>
      <c r="AH154" s="110"/>
      <c r="AI154" s="110"/>
      <c r="AJ154" s="110"/>
      <c r="AK154" s="110"/>
      <c r="AL154" s="110"/>
      <c r="AM154" s="111"/>
    </row>
    <row r="155" spans="1:39" ht="9.75" customHeight="1">
      <c r="A155" s="109"/>
      <c r="B155" s="110"/>
      <c r="C155" s="110"/>
      <c r="D155" s="110"/>
      <c r="E155" s="110"/>
      <c r="F155" s="110"/>
      <c r="G155" s="110"/>
      <c r="H155" s="110"/>
      <c r="I155" s="110"/>
      <c r="J155" s="110"/>
      <c r="K155" s="110"/>
      <c r="L155" s="110"/>
      <c r="M155" s="110"/>
      <c r="N155" s="110"/>
      <c r="O155" s="110"/>
      <c r="P155" s="110"/>
      <c r="Q155" s="110"/>
      <c r="R155" s="110"/>
      <c r="S155" s="110"/>
      <c r="T155" s="110"/>
      <c r="U155" s="110"/>
      <c r="V155" s="110"/>
      <c r="W155" s="110"/>
      <c r="X155" s="110"/>
      <c r="Y155" s="110"/>
      <c r="Z155" s="110"/>
      <c r="AA155" s="110"/>
      <c r="AB155" s="110"/>
      <c r="AC155" s="110"/>
      <c r="AD155" s="110"/>
      <c r="AE155" s="110"/>
      <c r="AF155" s="110"/>
      <c r="AG155" s="110"/>
      <c r="AH155" s="110"/>
      <c r="AI155" s="110"/>
      <c r="AJ155" s="110"/>
      <c r="AK155" s="110"/>
      <c r="AL155" s="110"/>
      <c r="AM155" s="111"/>
    </row>
    <row r="156" spans="1:39" ht="9.75" customHeight="1">
      <c r="A156" s="109"/>
      <c r="B156" s="110"/>
      <c r="C156" s="110"/>
      <c r="D156" s="110"/>
      <c r="E156" s="110"/>
      <c r="F156" s="110"/>
      <c r="G156" s="110"/>
      <c r="H156" s="110"/>
      <c r="I156" s="110"/>
      <c r="J156" s="110"/>
      <c r="K156" s="110"/>
      <c r="L156" s="110"/>
      <c r="M156" s="110"/>
      <c r="N156" s="110"/>
      <c r="O156" s="110"/>
      <c r="P156" s="110"/>
      <c r="Q156" s="110"/>
      <c r="R156" s="110"/>
      <c r="S156" s="110"/>
      <c r="T156" s="110"/>
      <c r="U156" s="110"/>
      <c r="V156" s="110"/>
      <c r="W156" s="110"/>
      <c r="X156" s="110"/>
      <c r="Y156" s="110"/>
      <c r="Z156" s="110"/>
      <c r="AA156" s="110"/>
      <c r="AB156" s="110"/>
      <c r="AC156" s="110"/>
      <c r="AD156" s="110"/>
      <c r="AE156" s="110"/>
      <c r="AF156" s="110"/>
      <c r="AG156" s="110"/>
      <c r="AH156" s="110"/>
      <c r="AI156" s="110"/>
      <c r="AJ156" s="110"/>
      <c r="AK156" s="110"/>
      <c r="AL156" s="110"/>
      <c r="AM156" s="111"/>
    </row>
    <row r="157" spans="1:39" ht="9.75" customHeight="1">
      <c r="A157" s="109"/>
      <c r="B157" s="110"/>
      <c r="C157" s="110"/>
      <c r="D157" s="110"/>
      <c r="E157" s="110"/>
      <c r="F157" s="110"/>
      <c r="G157" s="110"/>
      <c r="H157" s="110"/>
      <c r="I157" s="110"/>
      <c r="J157" s="110"/>
      <c r="K157" s="110"/>
      <c r="L157" s="110"/>
      <c r="M157" s="110"/>
      <c r="N157" s="110"/>
      <c r="O157" s="110"/>
      <c r="P157" s="110"/>
      <c r="Q157" s="110"/>
      <c r="R157" s="110"/>
      <c r="S157" s="110"/>
      <c r="T157" s="110"/>
      <c r="U157" s="110"/>
      <c r="V157" s="110"/>
      <c r="W157" s="110"/>
      <c r="X157" s="110"/>
      <c r="Y157" s="110"/>
      <c r="Z157" s="110"/>
      <c r="AA157" s="110"/>
      <c r="AB157" s="110"/>
      <c r="AC157" s="110"/>
      <c r="AD157" s="110"/>
      <c r="AE157" s="110"/>
      <c r="AF157" s="110"/>
      <c r="AG157" s="110"/>
      <c r="AH157" s="110"/>
      <c r="AI157" s="110"/>
      <c r="AJ157" s="110"/>
      <c r="AK157" s="110"/>
      <c r="AL157" s="110"/>
      <c r="AM157" s="111"/>
    </row>
    <row r="158" spans="1:39" ht="9.75" customHeight="1">
      <c r="A158" s="109"/>
      <c r="B158" s="110"/>
      <c r="C158" s="110"/>
      <c r="D158" s="110"/>
      <c r="E158" s="110"/>
      <c r="F158" s="110"/>
      <c r="G158" s="110"/>
      <c r="H158" s="110"/>
      <c r="I158" s="110"/>
      <c r="J158" s="110"/>
      <c r="K158" s="110"/>
      <c r="L158" s="110"/>
      <c r="M158" s="110"/>
      <c r="N158" s="110"/>
      <c r="O158" s="110"/>
      <c r="P158" s="110"/>
      <c r="Q158" s="110"/>
      <c r="R158" s="110"/>
      <c r="S158" s="110"/>
      <c r="T158" s="110"/>
      <c r="U158" s="110"/>
      <c r="V158" s="110"/>
      <c r="W158" s="110"/>
      <c r="X158" s="110"/>
      <c r="Y158" s="110"/>
      <c r="Z158" s="110"/>
      <c r="AA158" s="110"/>
      <c r="AB158" s="110"/>
      <c r="AC158" s="110"/>
      <c r="AD158" s="110"/>
      <c r="AE158" s="110"/>
      <c r="AF158" s="110"/>
      <c r="AG158" s="110"/>
      <c r="AH158" s="110"/>
      <c r="AI158" s="110"/>
      <c r="AJ158" s="110"/>
      <c r="AK158" s="110"/>
      <c r="AL158" s="110"/>
      <c r="AM158" s="111"/>
    </row>
    <row r="159" spans="1:39" ht="9.75" customHeight="1">
      <c r="A159" s="109"/>
      <c r="B159" s="110"/>
      <c r="C159" s="110"/>
      <c r="D159" s="110"/>
      <c r="E159" s="110"/>
      <c r="F159" s="110"/>
      <c r="G159" s="110"/>
      <c r="H159" s="110"/>
      <c r="I159" s="110"/>
      <c r="J159" s="110"/>
      <c r="K159" s="110"/>
      <c r="L159" s="110"/>
      <c r="M159" s="110"/>
      <c r="N159" s="110"/>
      <c r="O159" s="110"/>
      <c r="P159" s="110"/>
      <c r="Q159" s="110"/>
      <c r="R159" s="110"/>
      <c r="S159" s="110"/>
      <c r="T159" s="110"/>
      <c r="U159" s="110"/>
      <c r="V159" s="110"/>
      <c r="W159" s="110"/>
      <c r="X159" s="110"/>
      <c r="Y159" s="110"/>
      <c r="Z159" s="110"/>
      <c r="AA159" s="110"/>
      <c r="AB159" s="110"/>
      <c r="AC159" s="110"/>
      <c r="AD159" s="110"/>
      <c r="AE159" s="110"/>
      <c r="AF159" s="110"/>
      <c r="AG159" s="110"/>
      <c r="AH159" s="110"/>
      <c r="AI159" s="110"/>
      <c r="AJ159" s="110"/>
      <c r="AK159" s="110"/>
      <c r="AL159" s="110"/>
      <c r="AM159" s="111"/>
    </row>
    <row r="160" spans="1:39" ht="9.75" customHeight="1">
      <c r="A160" s="109"/>
      <c r="B160" s="110"/>
      <c r="C160" s="110"/>
      <c r="D160" s="110"/>
      <c r="E160" s="110"/>
      <c r="F160" s="110"/>
      <c r="G160" s="110"/>
      <c r="H160" s="110"/>
      <c r="I160" s="110"/>
      <c r="J160" s="110"/>
      <c r="K160" s="110"/>
      <c r="L160" s="110"/>
      <c r="M160" s="110"/>
      <c r="N160" s="110"/>
      <c r="O160" s="110"/>
      <c r="P160" s="110"/>
      <c r="Q160" s="110"/>
      <c r="R160" s="110"/>
      <c r="S160" s="110"/>
      <c r="T160" s="110"/>
      <c r="U160" s="110"/>
      <c r="V160" s="110"/>
      <c r="W160" s="110"/>
      <c r="X160" s="110"/>
      <c r="Y160" s="110"/>
      <c r="Z160" s="110"/>
      <c r="AA160" s="110"/>
      <c r="AB160" s="110"/>
      <c r="AC160" s="110"/>
      <c r="AD160" s="110"/>
      <c r="AE160" s="110"/>
      <c r="AF160" s="110"/>
      <c r="AG160" s="110"/>
      <c r="AH160" s="110"/>
      <c r="AI160" s="110"/>
      <c r="AJ160" s="110"/>
      <c r="AK160" s="110"/>
      <c r="AL160" s="110"/>
      <c r="AM160" s="111"/>
    </row>
    <row r="161" spans="1:39" ht="9.75" customHeight="1">
      <c r="A161" s="109"/>
      <c r="B161" s="110"/>
      <c r="C161" s="110"/>
      <c r="D161" s="110"/>
      <c r="E161" s="110"/>
      <c r="F161" s="110"/>
      <c r="G161" s="110"/>
      <c r="H161" s="110"/>
      <c r="I161" s="110"/>
      <c r="J161" s="110"/>
      <c r="K161" s="110"/>
      <c r="L161" s="110"/>
      <c r="M161" s="110"/>
      <c r="N161" s="110"/>
      <c r="O161" s="110"/>
      <c r="P161" s="110"/>
      <c r="Q161" s="110"/>
      <c r="R161" s="110"/>
      <c r="S161" s="110"/>
      <c r="T161" s="110"/>
      <c r="U161" s="110"/>
      <c r="V161" s="110"/>
      <c r="W161" s="110"/>
      <c r="X161" s="110"/>
      <c r="Y161" s="110"/>
      <c r="Z161" s="110"/>
      <c r="AA161" s="110"/>
      <c r="AB161" s="110"/>
      <c r="AC161" s="110"/>
      <c r="AD161" s="110"/>
      <c r="AE161" s="110"/>
      <c r="AF161" s="110"/>
      <c r="AG161" s="110"/>
      <c r="AH161" s="110"/>
      <c r="AI161" s="110"/>
      <c r="AJ161" s="110"/>
      <c r="AK161" s="110"/>
      <c r="AL161" s="110"/>
      <c r="AM161" s="111"/>
    </row>
    <row r="162" spans="1:39" ht="9.75" customHeight="1">
      <c r="A162" s="109"/>
      <c r="B162" s="110"/>
      <c r="C162" s="110"/>
      <c r="D162" s="110"/>
      <c r="E162" s="110"/>
      <c r="F162" s="110"/>
      <c r="G162" s="110"/>
      <c r="H162" s="110"/>
      <c r="I162" s="110"/>
      <c r="J162" s="110"/>
      <c r="K162" s="110"/>
      <c r="L162" s="110"/>
      <c r="M162" s="110"/>
      <c r="N162" s="110"/>
      <c r="O162" s="110"/>
      <c r="P162" s="110"/>
      <c r="Q162" s="110"/>
      <c r="R162" s="110"/>
      <c r="S162" s="110"/>
      <c r="T162" s="110"/>
      <c r="U162" s="110"/>
      <c r="V162" s="110"/>
      <c r="W162" s="110"/>
      <c r="X162" s="110"/>
      <c r="Y162" s="110"/>
      <c r="Z162" s="110"/>
      <c r="AA162" s="110"/>
      <c r="AB162" s="110"/>
      <c r="AC162" s="110"/>
      <c r="AD162" s="110"/>
      <c r="AE162" s="110"/>
      <c r="AF162" s="110"/>
      <c r="AG162" s="110"/>
      <c r="AH162" s="110"/>
      <c r="AI162" s="110"/>
      <c r="AJ162" s="110"/>
      <c r="AK162" s="110"/>
      <c r="AL162" s="110"/>
      <c r="AM162" s="111"/>
    </row>
    <row r="163" spans="1:39" ht="9.75" customHeight="1">
      <c r="A163" s="109"/>
      <c r="B163" s="110"/>
      <c r="C163" s="110"/>
      <c r="D163" s="110"/>
      <c r="E163" s="110"/>
      <c r="F163" s="110"/>
      <c r="G163" s="110"/>
      <c r="H163" s="110"/>
      <c r="I163" s="110"/>
      <c r="J163" s="110"/>
      <c r="K163" s="110"/>
      <c r="L163" s="110"/>
      <c r="M163" s="110"/>
      <c r="N163" s="110"/>
      <c r="O163" s="110"/>
      <c r="P163" s="110"/>
      <c r="Q163" s="110"/>
      <c r="R163" s="110"/>
      <c r="S163" s="110"/>
      <c r="T163" s="110"/>
      <c r="U163" s="110"/>
      <c r="V163" s="110"/>
      <c r="W163" s="110"/>
      <c r="X163" s="110"/>
      <c r="Y163" s="110"/>
      <c r="Z163" s="110"/>
      <c r="AA163" s="110"/>
      <c r="AB163" s="110"/>
      <c r="AC163" s="110"/>
      <c r="AD163" s="110"/>
      <c r="AE163" s="110"/>
      <c r="AF163" s="110"/>
      <c r="AG163" s="110"/>
      <c r="AH163" s="110"/>
      <c r="AI163" s="110"/>
      <c r="AJ163" s="110"/>
      <c r="AK163" s="110"/>
      <c r="AL163" s="110"/>
      <c r="AM163" s="111"/>
    </row>
    <row r="164" spans="1:39" ht="9.75" customHeight="1">
      <c r="A164" s="109"/>
      <c r="B164" s="110"/>
      <c r="C164" s="110"/>
      <c r="D164" s="110"/>
      <c r="E164" s="110"/>
      <c r="F164" s="110"/>
      <c r="G164" s="110"/>
      <c r="H164" s="110"/>
      <c r="I164" s="110"/>
      <c r="J164" s="110"/>
      <c r="K164" s="110"/>
      <c r="L164" s="110"/>
      <c r="M164" s="110"/>
      <c r="N164" s="110"/>
      <c r="O164" s="110"/>
      <c r="P164" s="110"/>
      <c r="Q164" s="110"/>
      <c r="R164" s="110"/>
      <c r="S164" s="110"/>
      <c r="T164" s="110"/>
      <c r="U164" s="110"/>
      <c r="V164" s="110"/>
      <c r="W164" s="110"/>
      <c r="X164" s="110"/>
      <c r="Y164" s="110"/>
      <c r="Z164" s="110"/>
      <c r="AA164" s="110"/>
      <c r="AB164" s="110"/>
      <c r="AC164" s="110"/>
      <c r="AD164" s="110"/>
      <c r="AE164" s="110"/>
      <c r="AF164" s="110"/>
      <c r="AG164" s="110"/>
      <c r="AH164" s="110"/>
      <c r="AI164" s="110"/>
      <c r="AJ164" s="110"/>
      <c r="AK164" s="110"/>
      <c r="AL164" s="110"/>
      <c r="AM164" s="111"/>
    </row>
    <row r="165" spans="1:39" ht="9.75" customHeight="1">
      <c r="A165" s="109"/>
      <c r="B165" s="110"/>
      <c r="C165" s="110"/>
      <c r="D165" s="110"/>
      <c r="E165" s="110"/>
      <c r="F165" s="110"/>
      <c r="G165" s="110"/>
      <c r="H165" s="110"/>
      <c r="I165" s="110"/>
      <c r="J165" s="110"/>
      <c r="K165" s="110"/>
      <c r="L165" s="110"/>
      <c r="M165" s="110"/>
      <c r="N165" s="110"/>
      <c r="O165" s="110"/>
      <c r="P165" s="110"/>
      <c r="Q165" s="110"/>
      <c r="R165" s="110"/>
      <c r="S165" s="110"/>
      <c r="T165" s="110"/>
      <c r="U165" s="110"/>
      <c r="V165" s="110"/>
      <c r="W165" s="110"/>
      <c r="X165" s="110"/>
      <c r="Y165" s="110"/>
      <c r="Z165" s="110"/>
      <c r="AA165" s="110"/>
      <c r="AB165" s="110"/>
      <c r="AC165" s="110"/>
      <c r="AD165" s="110"/>
      <c r="AE165" s="110"/>
      <c r="AF165" s="110"/>
      <c r="AG165" s="110"/>
      <c r="AH165" s="110"/>
      <c r="AI165" s="110"/>
      <c r="AJ165" s="110"/>
      <c r="AK165" s="110"/>
      <c r="AL165" s="110"/>
      <c r="AM165" s="111"/>
    </row>
    <row r="166" spans="1:39" ht="9.75" customHeight="1">
      <c r="A166" s="109"/>
      <c r="B166" s="110"/>
      <c r="C166" s="110"/>
      <c r="D166" s="110"/>
      <c r="E166" s="110"/>
      <c r="F166" s="110"/>
      <c r="G166" s="110"/>
      <c r="H166" s="110"/>
      <c r="I166" s="110"/>
      <c r="J166" s="110"/>
      <c r="K166" s="110"/>
      <c r="L166" s="110"/>
      <c r="M166" s="110"/>
      <c r="N166" s="110"/>
      <c r="O166" s="110"/>
      <c r="P166" s="110"/>
      <c r="Q166" s="110"/>
      <c r="R166" s="110"/>
      <c r="S166" s="110"/>
      <c r="T166" s="110"/>
      <c r="U166" s="110"/>
      <c r="V166" s="110"/>
      <c r="W166" s="110"/>
      <c r="X166" s="110"/>
      <c r="Y166" s="110"/>
      <c r="Z166" s="110"/>
      <c r="AA166" s="110"/>
      <c r="AB166" s="110"/>
      <c r="AC166" s="110"/>
      <c r="AD166" s="110"/>
      <c r="AE166" s="110"/>
      <c r="AF166" s="110"/>
      <c r="AG166" s="110"/>
      <c r="AH166" s="110"/>
      <c r="AI166" s="110"/>
      <c r="AJ166" s="110"/>
      <c r="AK166" s="110"/>
      <c r="AL166" s="110"/>
      <c r="AM166" s="111"/>
    </row>
    <row r="167" spans="1:39" ht="9.75" customHeight="1">
      <c r="A167" s="109"/>
      <c r="B167" s="110"/>
      <c r="C167" s="110"/>
      <c r="D167" s="110"/>
      <c r="E167" s="110"/>
      <c r="F167" s="110"/>
      <c r="G167" s="110"/>
      <c r="H167" s="110"/>
      <c r="I167" s="110"/>
      <c r="J167" s="110"/>
      <c r="K167" s="110"/>
      <c r="L167" s="110"/>
      <c r="M167" s="110"/>
      <c r="N167" s="110"/>
      <c r="O167" s="110"/>
      <c r="P167" s="110"/>
      <c r="Q167" s="110"/>
      <c r="R167" s="110"/>
      <c r="S167" s="110"/>
      <c r="T167" s="110"/>
      <c r="U167" s="110"/>
      <c r="V167" s="110"/>
      <c r="W167" s="110"/>
      <c r="X167" s="110"/>
      <c r="Y167" s="110"/>
      <c r="Z167" s="110"/>
      <c r="AA167" s="110"/>
      <c r="AB167" s="110"/>
      <c r="AC167" s="110"/>
      <c r="AD167" s="110"/>
      <c r="AE167" s="110"/>
      <c r="AF167" s="110"/>
      <c r="AG167" s="110"/>
      <c r="AH167" s="110"/>
      <c r="AI167" s="110"/>
      <c r="AJ167" s="110"/>
      <c r="AK167" s="110"/>
      <c r="AL167" s="110"/>
      <c r="AM167" s="111"/>
    </row>
    <row r="168" spans="1:39" ht="9.75" customHeight="1">
      <c r="A168" s="109"/>
      <c r="B168" s="110"/>
      <c r="C168" s="110"/>
      <c r="D168" s="110"/>
      <c r="E168" s="110"/>
      <c r="F168" s="110"/>
      <c r="G168" s="110"/>
      <c r="H168" s="110"/>
      <c r="I168" s="110"/>
      <c r="J168" s="110"/>
      <c r="K168" s="110"/>
      <c r="L168" s="110"/>
      <c r="M168" s="110"/>
      <c r="N168" s="110"/>
      <c r="O168" s="110"/>
      <c r="P168" s="110"/>
      <c r="Q168" s="110"/>
      <c r="R168" s="110"/>
      <c r="S168" s="110"/>
      <c r="T168" s="110"/>
      <c r="U168" s="110"/>
      <c r="V168" s="110"/>
      <c r="W168" s="110"/>
      <c r="X168" s="110"/>
      <c r="Y168" s="110"/>
      <c r="Z168" s="110"/>
      <c r="AA168" s="110"/>
      <c r="AB168" s="110"/>
      <c r="AC168" s="110"/>
      <c r="AD168" s="110"/>
      <c r="AE168" s="110"/>
      <c r="AF168" s="110"/>
      <c r="AG168" s="110"/>
      <c r="AH168" s="110"/>
      <c r="AI168" s="110"/>
      <c r="AJ168" s="110"/>
      <c r="AK168" s="110"/>
      <c r="AL168" s="110"/>
      <c r="AM168" s="111"/>
    </row>
    <row r="169" spans="1:39" ht="9.75" customHeight="1">
      <c r="A169" s="109"/>
      <c r="B169" s="110"/>
      <c r="C169" s="110"/>
      <c r="D169" s="110"/>
      <c r="E169" s="110"/>
      <c r="F169" s="110"/>
      <c r="G169" s="110"/>
      <c r="H169" s="110"/>
      <c r="I169" s="110"/>
      <c r="J169" s="110"/>
      <c r="K169" s="110"/>
      <c r="L169" s="110"/>
      <c r="M169" s="110"/>
      <c r="N169" s="110"/>
      <c r="O169" s="110"/>
      <c r="P169" s="110"/>
      <c r="Q169" s="110"/>
      <c r="R169" s="110"/>
      <c r="S169" s="110"/>
      <c r="T169" s="110"/>
      <c r="U169" s="110"/>
      <c r="V169" s="110"/>
      <c r="W169" s="110"/>
      <c r="X169" s="110"/>
      <c r="Y169" s="110"/>
      <c r="Z169" s="110"/>
      <c r="AA169" s="110"/>
      <c r="AB169" s="110"/>
      <c r="AC169" s="110"/>
      <c r="AD169" s="110"/>
      <c r="AE169" s="110"/>
      <c r="AF169" s="110"/>
      <c r="AG169" s="110"/>
      <c r="AH169" s="110"/>
      <c r="AI169" s="110"/>
      <c r="AJ169" s="110"/>
      <c r="AK169" s="110"/>
      <c r="AL169" s="110"/>
      <c r="AM169" s="111"/>
    </row>
    <row r="170" spans="1:39" ht="9.75" customHeight="1">
      <c r="A170" s="109"/>
      <c r="B170" s="110"/>
      <c r="C170" s="110"/>
      <c r="D170" s="110"/>
      <c r="E170" s="110"/>
      <c r="F170" s="110"/>
      <c r="G170" s="110"/>
      <c r="H170" s="110"/>
      <c r="I170" s="110"/>
      <c r="J170" s="110"/>
      <c r="K170" s="110"/>
      <c r="L170" s="110"/>
      <c r="M170" s="110"/>
      <c r="N170" s="110"/>
      <c r="O170" s="110"/>
      <c r="P170" s="110"/>
      <c r="Q170" s="110"/>
      <c r="R170" s="110"/>
      <c r="S170" s="110"/>
      <c r="T170" s="110"/>
      <c r="U170" s="110"/>
      <c r="V170" s="110"/>
      <c r="W170" s="110"/>
      <c r="X170" s="110"/>
      <c r="Y170" s="110"/>
      <c r="Z170" s="110"/>
      <c r="AA170" s="110"/>
      <c r="AB170" s="110"/>
      <c r="AC170" s="110"/>
      <c r="AD170" s="110"/>
      <c r="AE170" s="110"/>
      <c r="AF170" s="110"/>
      <c r="AG170" s="110"/>
      <c r="AH170" s="110"/>
      <c r="AI170" s="110"/>
      <c r="AJ170" s="110"/>
      <c r="AK170" s="110"/>
      <c r="AL170" s="110"/>
      <c r="AM170" s="111"/>
    </row>
    <row r="171" spans="1:39" ht="9.75" customHeight="1">
      <c r="A171" s="109"/>
      <c r="B171" s="110"/>
      <c r="C171" s="110"/>
      <c r="D171" s="110"/>
      <c r="E171" s="110"/>
      <c r="F171" s="110"/>
      <c r="G171" s="110"/>
      <c r="H171" s="110"/>
      <c r="I171" s="110"/>
      <c r="J171" s="110"/>
      <c r="K171" s="110"/>
      <c r="L171" s="110"/>
      <c r="M171" s="110"/>
      <c r="N171" s="110"/>
      <c r="O171" s="110"/>
      <c r="P171" s="110"/>
      <c r="Q171" s="110"/>
      <c r="R171" s="110"/>
      <c r="S171" s="110"/>
      <c r="T171" s="110"/>
      <c r="U171" s="110"/>
      <c r="V171" s="110"/>
      <c r="W171" s="110"/>
      <c r="X171" s="110"/>
      <c r="Y171" s="110"/>
      <c r="Z171" s="110"/>
      <c r="AA171" s="110"/>
      <c r="AB171" s="110"/>
      <c r="AC171" s="110"/>
      <c r="AD171" s="110"/>
      <c r="AE171" s="110"/>
      <c r="AF171" s="110"/>
      <c r="AG171" s="110"/>
      <c r="AH171" s="110"/>
      <c r="AI171" s="110"/>
      <c r="AJ171" s="110"/>
      <c r="AK171" s="110"/>
      <c r="AL171" s="110"/>
      <c r="AM171" s="111"/>
    </row>
    <row r="172" spans="1:39" ht="9.75" customHeight="1">
      <c r="A172" s="109"/>
      <c r="B172" s="110"/>
      <c r="C172" s="110"/>
      <c r="D172" s="110"/>
      <c r="E172" s="110"/>
      <c r="F172" s="110"/>
      <c r="G172" s="110"/>
      <c r="H172" s="110"/>
      <c r="I172" s="110"/>
      <c r="J172" s="110"/>
      <c r="K172" s="110"/>
      <c r="L172" s="110"/>
      <c r="M172" s="110"/>
      <c r="N172" s="110"/>
      <c r="O172" s="110"/>
      <c r="P172" s="110"/>
      <c r="Q172" s="110"/>
      <c r="R172" s="110"/>
      <c r="S172" s="110"/>
      <c r="T172" s="110"/>
      <c r="U172" s="110"/>
      <c r="V172" s="110"/>
      <c r="W172" s="110"/>
      <c r="X172" s="110"/>
      <c r="Y172" s="110"/>
      <c r="Z172" s="110"/>
      <c r="AA172" s="110"/>
      <c r="AB172" s="110"/>
      <c r="AC172" s="110"/>
      <c r="AD172" s="110"/>
      <c r="AE172" s="110"/>
      <c r="AF172" s="110"/>
      <c r="AG172" s="110"/>
      <c r="AH172" s="110"/>
      <c r="AI172" s="110"/>
      <c r="AJ172" s="110"/>
      <c r="AK172" s="110"/>
      <c r="AL172" s="110"/>
      <c r="AM172" s="111"/>
    </row>
    <row r="173" spans="1:39" ht="9.75" customHeight="1">
      <c r="A173" s="112"/>
      <c r="B173" s="113"/>
      <c r="C173" s="113"/>
      <c r="D173" s="113"/>
      <c r="E173" s="113"/>
      <c r="F173" s="113"/>
      <c r="G173" s="113"/>
      <c r="H173" s="113"/>
      <c r="I173" s="113"/>
      <c r="J173" s="113"/>
      <c r="K173" s="113"/>
      <c r="L173" s="113"/>
      <c r="M173" s="113"/>
      <c r="N173" s="113"/>
      <c r="O173" s="113"/>
      <c r="P173" s="113"/>
      <c r="Q173" s="113"/>
      <c r="R173" s="113"/>
      <c r="S173" s="113"/>
      <c r="T173" s="113"/>
      <c r="U173" s="113"/>
      <c r="V173" s="113"/>
      <c r="W173" s="113"/>
      <c r="X173" s="113"/>
      <c r="Y173" s="113"/>
      <c r="Z173" s="113"/>
      <c r="AA173" s="113"/>
      <c r="AB173" s="113"/>
      <c r="AC173" s="113"/>
      <c r="AD173" s="113"/>
      <c r="AE173" s="113"/>
      <c r="AF173" s="113"/>
      <c r="AG173" s="113"/>
      <c r="AH173" s="113"/>
      <c r="AI173" s="113"/>
      <c r="AJ173" s="113"/>
      <c r="AK173" s="113"/>
      <c r="AL173" s="113"/>
      <c r="AM173" s="114"/>
    </row>
    <row r="1267" spans="6:6" ht="9.75" customHeight="1">
      <c r="F1267" s="115"/>
    </row>
  </sheetData>
  <mergeCells count="95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C23:C25"/>
    <mergeCell ref="D23:D25"/>
    <mergeCell ref="E26:E28"/>
    <mergeCell ref="F26:F28"/>
    <mergeCell ref="N29:N31"/>
    <mergeCell ref="O29:O31"/>
    <mergeCell ref="N32:N34"/>
    <mergeCell ref="O32:O34"/>
    <mergeCell ref="N35:N37"/>
    <mergeCell ref="O35:O37"/>
    <mergeCell ref="N38:N40"/>
    <mergeCell ref="O38:O40"/>
    <mergeCell ref="E41:E43"/>
    <mergeCell ref="F41:F43"/>
    <mergeCell ref="N44:N46"/>
    <mergeCell ref="O44:O46"/>
    <mergeCell ref="N47:N49"/>
    <mergeCell ref="O47:O49"/>
    <mergeCell ref="C50:C52"/>
    <mergeCell ref="D50:D52"/>
    <mergeCell ref="E53:E55"/>
    <mergeCell ref="F53:F55"/>
    <mergeCell ref="N56:N58"/>
    <mergeCell ref="O56:O58"/>
    <mergeCell ref="C59:C61"/>
    <mergeCell ref="D59:D61"/>
    <mergeCell ref="E62:E64"/>
    <mergeCell ref="F62:F64"/>
    <mergeCell ref="E65:E67"/>
    <mergeCell ref="F65:F67"/>
    <mergeCell ref="N68:N70"/>
    <mergeCell ref="O68:O70"/>
    <mergeCell ref="C71:C73"/>
    <mergeCell ref="D71:D73"/>
    <mergeCell ref="E74:E76"/>
    <mergeCell ref="F74:F76"/>
    <mergeCell ref="E77:E79"/>
    <mergeCell ref="F77:F79"/>
    <mergeCell ref="E80:E82"/>
    <mergeCell ref="F80:F82"/>
    <mergeCell ref="E83:E85"/>
    <mergeCell ref="F83:F85"/>
    <mergeCell ref="A90:L90"/>
    <mergeCell ref="N90:AM90"/>
    <mergeCell ref="A93:B97"/>
    <mergeCell ref="C93:D97"/>
    <mergeCell ref="E93:F97"/>
    <mergeCell ref="G93:Q93"/>
    <mergeCell ref="R93:R97"/>
    <mergeCell ref="S93:T97"/>
    <mergeCell ref="U93:U97"/>
    <mergeCell ref="V93:W97"/>
    <mergeCell ref="X93:AM97"/>
    <mergeCell ref="G94:H97"/>
    <mergeCell ref="I94:J97"/>
    <mergeCell ref="K94:K97"/>
    <mergeCell ref="L94:L97"/>
    <mergeCell ref="N94:Q94"/>
    <mergeCell ref="N95:O97"/>
    <mergeCell ref="P95:Q97"/>
    <mergeCell ref="E108:E110"/>
    <mergeCell ref="F108:F110"/>
    <mergeCell ref="A112:F112"/>
    <mergeCell ref="E99:E101"/>
    <mergeCell ref="F99:F101"/>
    <mergeCell ref="E102:E104"/>
    <mergeCell ref="F102:F104"/>
    <mergeCell ref="C105:C107"/>
    <mergeCell ref="D105:D107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rowBreaks count="1" manualBreakCount="1">
    <brk id="88" max="16383" man="1"/>
  </rowBreaks>
  <colBreaks count="1" manualBreakCount="1">
    <brk id="12" max="172" man="1"/>
  </col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79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194" t="s">
        <v>794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718</v>
      </c>
      <c r="I11" s="35"/>
      <c r="J11" s="36" t="s">
        <v>719</v>
      </c>
      <c r="K11" s="124" t="s">
        <v>30</v>
      </c>
      <c r="L11" s="35"/>
      <c r="M11" s="125" t="s">
        <v>30</v>
      </c>
      <c r="N11" s="37" t="s">
        <v>720</v>
      </c>
      <c r="O11" s="38"/>
      <c r="P11" s="186"/>
      <c r="Q11" s="234"/>
      <c r="R11" s="35"/>
      <c r="S11" s="38"/>
      <c r="T11" s="126" t="s">
        <v>795</v>
      </c>
      <c r="U11" s="38"/>
      <c r="V11" s="36" t="s">
        <v>30</v>
      </c>
      <c r="W11" s="37" t="s">
        <v>30</v>
      </c>
      <c r="X11" s="37" t="s">
        <v>30</v>
      </c>
      <c r="Y11" s="37" t="s">
        <v>796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88" t="s">
        <v>794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797</v>
      </c>
      <c r="I14" s="33"/>
      <c r="J14" s="59" t="s">
        <v>798</v>
      </c>
      <c r="K14" s="132" t="s">
        <v>30</v>
      </c>
      <c r="L14" s="33"/>
      <c r="M14" s="133" t="s">
        <v>30</v>
      </c>
      <c r="N14" s="60" t="s">
        <v>799</v>
      </c>
      <c r="O14" s="61"/>
      <c r="P14" s="61"/>
      <c r="Q14" s="34"/>
      <c r="R14" s="33"/>
      <c r="S14" s="61"/>
      <c r="T14" s="134" t="s">
        <v>800</v>
      </c>
      <c r="U14" s="61"/>
      <c r="V14" s="59" t="s">
        <v>30</v>
      </c>
      <c r="W14" s="60" t="s">
        <v>30</v>
      </c>
      <c r="X14" s="60" t="s">
        <v>30</v>
      </c>
      <c r="Y14" s="60" t="s">
        <v>801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88" t="s">
        <v>802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79"/>
      <c r="G17" s="33"/>
      <c r="H17" s="59" t="s">
        <v>803</v>
      </c>
      <c r="I17" s="33"/>
      <c r="J17" s="59" t="s">
        <v>804</v>
      </c>
      <c r="K17" s="132" t="s">
        <v>30</v>
      </c>
      <c r="L17" s="33"/>
      <c r="M17" s="133" t="s">
        <v>30</v>
      </c>
      <c r="N17" s="60" t="s">
        <v>805</v>
      </c>
      <c r="O17" s="61"/>
      <c r="P17" s="61"/>
      <c r="Q17" s="34"/>
      <c r="R17" s="33"/>
      <c r="S17" s="61"/>
      <c r="T17" s="134" t="s">
        <v>806</v>
      </c>
      <c r="U17" s="61"/>
      <c r="V17" s="59" t="s">
        <v>30</v>
      </c>
      <c r="W17" s="60" t="s">
        <v>30</v>
      </c>
      <c r="X17" s="60" t="s">
        <v>30</v>
      </c>
      <c r="Y17" s="60" t="s">
        <v>807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79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02</v>
      </c>
      <c r="Q19" s="188" t="s">
        <v>103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805</v>
      </c>
      <c r="T20" s="134" t="s">
        <v>806</v>
      </c>
      <c r="U20" s="61"/>
      <c r="V20" s="59" t="s">
        <v>30</v>
      </c>
      <c r="W20" s="60" t="s">
        <v>30</v>
      </c>
      <c r="X20" s="60" t="s">
        <v>30</v>
      </c>
      <c r="Y20" s="60" t="s">
        <v>807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33"/>
      <c r="D21" s="131"/>
      <c r="E21" s="33"/>
      <c r="F21" s="58"/>
      <c r="G21" s="33"/>
      <c r="H21" s="59"/>
      <c r="I21" s="33"/>
      <c r="J21" s="59"/>
      <c r="K21" s="132"/>
      <c r="L21" s="33"/>
      <c r="M21" s="133"/>
      <c r="N21" s="60"/>
      <c r="O21" s="61"/>
      <c r="P21" s="187"/>
      <c r="Q21" s="180"/>
      <c r="R21" s="33"/>
      <c r="S21" s="61"/>
      <c r="T21" s="134"/>
      <c r="U21" s="61"/>
      <c r="V21" s="59"/>
      <c r="W21" s="60"/>
      <c r="X21" s="60"/>
      <c r="Y21" s="60"/>
      <c r="Z21" s="135"/>
      <c r="AA21" s="27"/>
      <c r="AB21" s="27"/>
      <c r="AC21" s="27"/>
      <c r="AD21" s="28"/>
      <c r="AE21" s="29"/>
      <c r="AF21" s="29"/>
      <c r="AG21" s="29"/>
      <c r="AH21" s="27"/>
      <c r="AI21" s="27"/>
      <c r="AJ21" s="27"/>
      <c r="AK21" s="27"/>
      <c r="AL21" s="28"/>
      <c r="AM21" s="29"/>
      <c r="AN21" s="29"/>
      <c r="AO21" s="30"/>
    </row>
    <row r="22" spans="1:41" s="46" customFormat="1" ht="9.75" customHeight="1">
      <c r="A22" s="57"/>
      <c r="B22" s="141"/>
      <c r="C22" s="33"/>
      <c r="D22" s="34"/>
      <c r="E22" s="175" t="s">
        <v>36</v>
      </c>
      <c r="F22" s="178" t="s">
        <v>808</v>
      </c>
      <c r="G22" s="48"/>
      <c r="H22" s="50"/>
      <c r="I22" s="48"/>
      <c r="J22" s="50"/>
      <c r="K22" s="128"/>
      <c r="L22" s="48"/>
      <c r="M22" s="129"/>
      <c r="N22" s="51"/>
      <c r="O22" s="52"/>
      <c r="P22" s="52"/>
      <c r="Q22" s="76"/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41"/>
      <c r="C23" s="33"/>
      <c r="D23" s="141"/>
      <c r="E23" s="176"/>
      <c r="F23" s="179"/>
      <c r="G23" s="33"/>
      <c r="H23" s="59" t="s">
        <v>809</v>
      </c>
      <c r="I23" s="33" t="s">
        <v>133</v>
      </c>
      <c r="J23" s="59" t="s">
        <v>810</v>
      </c>
      <c r="K23" s="132" t="s">
        <v>30</v>
      </c>
      <c r="L23" s="33"/>
      <c r="M23" s="133" t="s">
        <v>30</v>
      </c>
      <c r="N23" s="60" t="s">
        <v>811</v>
      </c>
      <c r="O23" s="61"/>
      <c r="P23" s="61"/>
      <c r="Q23" s="58"/>
      <c r="R23" s="33"/>
      <c r="S23" s="61"/>
      <c r="T23" s="134" t="s">
        <v>812</v>
      </c>
      <c r="U23" s="61"/>
      <c r="V23" s="59" t="s">
        <v>30</v>
      </c>
      <c r="W23" s="60" t="s">
        <v>30</v>
      </c>
      <c r="X23" s="60" t="s">
        <v>30</v>
      </c>
      <c r="Y23" s="60" t="s">
        <v>813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41"/>
      <c r="C24" s="33"/>
      <c r="D24" s="141"/>
      <c r="E24" s="176"/>
      <c r="F24" s="179"/>
      <c r="G24" s="33"/>
      <c r="H24" s="59"/>
      <c r="I24" s="33"/>
      <c r="J24" s="59"/>
      <c r="K24" s="132"/>
      <c r="L24" s="33"/>
      <c r="M24" s="133"/>
      <c r="N24" s="60"/>
      <c r="O24" s="61"/>
      <c r="P24" s="61"/>
      <c r="Q24" s="58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141"/>
      <c r="E25" s="33"/>
      <c r="F25" s="34"/>
      <c r="G25" s="33"/>
      <c r="H25" s="59"/>
      <c r="I25" s="33"/>
      <c r="J25" s="59"/>
      <c r="K25" s="132"/>
      <c r="L25" s="33"/>
      <c r="M25" s="133"/>
      <c r="N25" s="60"/>
      <c r="O25" s="61"/>
      <c r="P25" s="185" t="s">
        <v>21</v>
      </c>
      <c r="Q25" s="178" t="s">
        <v>300</v>
      </c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41"/>
      <c r="E26" s="33"/>
      <c r="F26" s="34"/>
      <c r="G26" s="33"/>
      <c r="H26" s="59"/>
      <c r="I26" s="33"/>
      <c r="J26" s="59"/>
      <c r="K26" s="132"/>
      <c r="L26" s="33"/>
      <c r="M26" s="133"/>
      <c r="N26" s="60"/>
      <c r="O26" s="61"/>
      <c r="P26" s="186"/>
      <c r="Q26" s="179"/>
      <c r="R26" s="33"/>
      <c r="S26" s="61" t="s">
        <v>814</v>
      </c>
      <c r="T26" s="134" t="s">
        <v>815</v>
      </c>
      <c r="U26" s="61"/>
      <c r="V26" s="59" t="s">
        <v>30</v>
      </c>
      <c r="W26" s="60" t="s">
        <v>30</v>
      </c>
      <c r="X26" s="60" t="s">
        <v>30</v>
      </c>
      <c r="Y26" s="60" t="s">
        <v>816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41"/>
      <c r="E27" s="33"/>
      <c r="F27" s="34"/>
      <c r="G27" s="33"/>
      <c r="H27" s="59"/>
      <c r="I27" s="33"/>
      <c r="J27" s="59"/>
      <c r="K27" s="132"/>
      <c r="L27" s="33"/>
      <c r="M27" s="133"/>
      <c r="N27" s="60"/>
      <c r="O27" s="61"/>
      <c r="P27" s="187"/>
      <c r="Q27" s="180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57"/>
      <c r="B28" s="131"/>
      <c r="C28" s="33"/>
      <c r="D28" s="131"/>
      <c r="E28" s="33"/>
      <c r="F28" s="34"/>
      <c r="G28" s="33"/>
      <c r="H28" s="59"/>
      <c r="I28" s="33"/>
      <c r="J28" s="59"/>
      <c r="K28" s="132"/>
      <c r="L28" s="33"/>
      <c r="M28" s="133"/>
      <c r="N28" s="60"/>
      <c r="O28" s="61"/>
      <c r="P28" s="185" t="s">
        <v>52</v>
      </c>
      <c r="Q28" s="178" t="s">
        <v>444</v>
      </c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31"/>
      <c r="C29" s="33"/>
      <c r="D29" s="131"/>
      <c r="E29" s="33"/>
      <c r="F29" s="34"/>
      <c r="G29" s="33"/>
      <c r="H29" s="59"/>
      <c r="I29" s="33"/>
      <c r="J29" s="59"/>
      <c r="K29" s="132"/>
      <c r="L29" s="33"/>
      <c r="M29" s="133"/>
      <c r="N29" s="60"/>
      <c r="O29" s="61"/>
      <c r="P29" s="186"/>
      <c r="Q29" s="179"/>
      <c r="R29" s="33"/>
      <c r="S29" s="61" t="s">
        <v>817</v>
      </c>
      <c r="T29" s="134" t="s">
        <v>818</v>
      </c>
      <c r="U29" s="61"/>
      <c r="V29" s="59" t="s">
        <v>30</v>
      </c>
      <c r="W29" s="60" t="s">
        <v>30</v>
      </c>
      <c r="X29" s="60" t="s">
        <v>30</v>
      </c>
      <c r="Y29" s="60" t="s">
        <v>819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31"/>
      <c r="C30" s="33"/>
      <c r="D30" s="131"/>
      <c r="E30" s="33"/>
      <c r="F30" s="34"/>
      <c r="G30" s="33"/>
      <c r="H30" s="59"/>
      <c r="I30" s="33"/>
      <c r="J30" s="59"/>
      <c r="K30" s="132"/>
      <c r="L30" s="33"/>
      <c r="M30" s="133"/>
      <c r="N30" s="60"/>
      <c r="O30" s="61"/>
      <c r="P30" s="187"/>
      <c r="Q30" s="180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131"/>
      <c r="E31" s="33"/>
      <c r="F31" s="58"/>
      <c r="G31" s="33"/>
      <c r="H31" s="59"/>
      <c r="I31" s="33"/>
      <c r="J31" s="59"/>
      <c r="K31" s="132"/>
      <c r="L31" s="33"/>
      <c r="M31" s="133"/>
      <c r="N31" s="60"/>
      <c r="O31" s="61"/>
      <c r="P31" s="185" t="s">
        <v>57</v>
      </c>
      <c r="Q31" s="178" t="s">
        <v>448</v>
      </c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31"/>
      <c r="E32" s="33"/>
      <c r="F32" s="58"/>
      <c r="G32" s="33"/>
      <c r="H32" s="59"/>
      <c r="I32" s="33"/>
      <c r="J32" s="59"/>
      <c r="K32" s="132"/>
      <c r="L32" s="33"/>
      <c r="M32" s="133"/>
      <c r="N32" s="60"/>
      <c r="O32" s="61"/>
      <c r="P32" s="186"/>
      <c r="Q32" s="179"/>
      <c r="R32" s="33"/>
      <c r="S32" s="61" t="s">
        <v>820</v>
      </c>
      <c r="T32" s="134" t="s">
        <v>821</v>
      </c>
      <c r="U32" s="61"/>
      <c r="V32" s="59" t="s">
        <v>30</v>
      </c>
      <c r="W32" s="60" t="s">
        <v>30</v>
      </c>
      <c r="X32" s="60" t="s">
        <v>30</v>
      </c>
      <c r="Y32" s="60" t="s">
        <v>822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33"/>
      <c r="D33" s="131"/>
      <c r="E33" s="33"/>
      <c r="F33" s="58"/>
      <c r="G33" s="33"/>
      <c r="H33" s="59"/>
      <c r="I33" s="33"/>
      <c r="J33" s="59"/>
      <c r="K33" s="132"/>
      <c r="L33" s="33"/>
      <c r="M33" s="133"/>
      <c r="N33" s="60"/>
      <c r="O33" s="61"/>
      <c r="P33" s="187"/>
      <c r="Q33" s="180"/>
      <c r="R33" s="33"/>
      <c r="S33" s="61"/>
      <c r="T33" s="134"/>
      <c r="U33" s="61"/>
      <c r="V33" s="59"/>
      <c r="W33" s="60"/>
      <c r="X33" s="60"/>
      <c r="Y33" s="60"/>
      <c r="Z33" s="135"/>
      <c r="AA33" s="27"/>
      <c r="AB33" s="27"/>
      <c r="AC33" s="27"/>
      <c r="AD33" s="28"/>
      <c r="AE33" s="29"/>
      <c r="AF33" s="29"/>
      <c r="AG33" s="29"/>
      <c r="AH33" s="27"/>
      <c r="AI33" s="27"/>
      <c r="AJ33" s="27"/>
      <c r="AK33" s="27"/>
      <c r="AL33" s="28"/>
      <c r="AM33" s="29"/>
      <c r="AN33" s="29"/>
      <c r="AO33" s="30"/>
    </row>
    <row r="34" spans="1:41" s="46" customFormat="1" ht="9.75" customHeight="1">
      <c r="A34" s="57"/>
      <c r="B34" s="131"/>
      <c r="C34" s="33"/>
      <c r="D34" s="131"/>
      <c r="E34" s="33"/>
      <c r="F34" s="58"/>
      <c r="G34" s="33"/>
      <c r="H34" s="59"/>
      <c r="I34" s="33"/>
      <c r="J34" s="59"/>
      <c r="K34" s="132"/>
      <c r="L34" s="33"/>
      <c r="M34" s="133"/>
      <c r="N34" s="60"/>
      <c r="O34" s="61"/>
      <c r="P34" s="185" t="s">
        <v>352</v>
      </c>
      <c r="Q34" s="178" t="s">
        <v>353</v>
      </c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31"/>
      <c r="C35" s="33"/>
      <c r="D35" s="131"/>
      <c r="E35" s="33"/>
      <c r="F35" s="58"/>
      <c r="G35" s="33"/>
      <c r="H35" s="59"/>
      <c r="I35" s="33"/>
      <c r="J35" s="59"/>
      <c r="K35" s="132"/>
      <c r="L35" s="33"/>
      <c r="M35" s="133"/>
      <c r="N35" s="60"/>
      <c r="O35" s="61"/>
      <c r="P35" s="186"/>
      <c r="Q35" s="179"/>
      <c r="R35" s="33"/>
      <c r="S35" s="61" t="s">
        <v>823</v>
      </c>
      <c r="T35" s="134" t="s">
        <v>824</v>
      </c>
      <c r="U35" s="61"/>
      <c r="V35" s="59" t="s">
        <v>30</v>
      </c>
      <c r="W35" s="60" t="s">
        <v>30</v>
      </c>
      <c r="X35" s="60" t="s">
        <v>30</v>
      </c>
      <c r="Y35" s="60" t="s">
        <v>825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31"/>
      <c r="C36" s="33"/>
      <c r="D36" s="131"/>
      <c r="E36" s="33"/>
      <c r="F36" s="58"/>
      <c r="G36" s="33"/>
      <c r="H36" s="59"/>
      <c r="I36" s="33"/>
      <c r="J36" s="59"/>
      <c r="K36" s="132"/>
      <c r="L36" s="33"/>
      <c r="M36" s="133"/>
      <c r="N36" s="60"/>
      <c r="O36" s="61"/>
      <c r="P36" s="187"/>
      <c r="Q36" s="180"/>
      <c r="R36" s="33"/>
      <c r="S36" s="61"/>
      <c r="T36" s="134"/>
      <c r="U36" s="61"/>
      <c r="V36" s="59"/>
      <c r="W36" s="60"/>
      <c r="X36" s="60"/>
      <c r="Y36" s="60"/>
      <c r="Z36" s="135"/>
      <c r="AA36" s="27"/>
      <c r="AB36" s="27"/>
      <c r="AC36" s="27"/>
      <c r="AD36" s="28"/>
      <c r="AE36" s="29"/>
      <c r="AF36" s="29"/>
      <c r="AG36" s="29"/>
      <c r="AH36" s="27"/>
      <c r="AI36" s="27"/>
      <c r="AJ36" s="27"/>
      <c r="AK36" s="27"/>
      <c r="AL36" s="28"/>
      <c r="AM36" s="29"/>
      <c r="AN36" s="29"/>
      <c r="AO36" s="30"/>
    </row>
    <row r="37" spans="1:41" s="46" customFormat="1" ht="9.75" customHeight="1">
      <c r="A37" s="57"/>
      <c r="B37" s="131"/>
      <c r="C37" s="33"/>
      <c r="D37" s="131"/>
      <c r="E37" s="33"/>
      <c r="F37" s="58"/>
      <c r="G37" s="33"/>
      <c r="H37" s="59"/>
      <c r="I37" s="33"/>
      <c r="J37" s="59"/>
      <c r="K37" s="132"/>
      <c r="L37" s="33"/>
      <c r="M37" s="133"/>
      <c r="N37" s="60"/>
      <c r="O37" s="61"/>
      <c r="P37" s="185" t="s">
        <v>302</v>
      </c>
      <c r="Q37" s="178" t="s">
        <v>303</v>
      </c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31"/>
      <c r="C38" s="33"/>
      <c r="D38" s="131"/>
      <c r="E38" s="33"/>
      <c r="F38" s="58"/>
      <c r="G38" s="33"/>
      <c r="H38" s="59"/>
      <c r="I38" s="33"/>
      <c r="J38" s="59"/>
      <c r="K38" s="132"/>
      <c r="L38" s="33"/>
      <c r="M38" s="133"/>
      <c r="N38" s="60"/>
      <c r="O38" s="61"/>
      <c r="P38" s="186"/>
      <c r="Q38" s="179"/>
      <c r="R38" s="33"/>
      <c r="S38" s="61" t="s">
        <v>826</v>
      </c>
      <c r="T38" s="134" t="s">
        <v>827</v>
      </c>
      <c r="U38" s="61"/>
      <c r="V38" s="59" t="s">
        <v>30</v>
      </c>
      <c r="W38" s="60" t="s">
        <v>30</v>
      </c>
      <c r="X38" s="60" t="s">
        <v>30</v>
      </c>
      <c r="Y38" s="60" t="s">
        <v>828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31"/>
      <c r="C39" s="33"/>
      <c r="D39" s="131"/>
      <c r="E39" s="33"/>
      <c r="F39" s="58"/>
      <c r="G39" s="33"/>
      <c r="H39" s="59"/>
      <c r="I39" s="33"/>
      <c r="J39" s="59"/>
      <c r="K39" s="132"/>
      <c r="L39" s="33"/>
      <c r="M39" s="133"/>
      <c r="N39" s="60"/>
      <c r="O39" s="61"/>
      <c r="P39" s="187"/>
      <c r="Q39" s="180"/>
      <c r="R39" s="33"/>
      <c r="S39" s="61"/>
      <c r="T39" s="134"/>
      <c r="U39" s="61"/>
      <c r="V39" s="59"/>
      <c r="W39" s="60"/>
      <c r="X39" s="60"/>
      <c r="Y39" s="60"/>
      <c r="Z39" s="135"/>
      <c r="AA39" s="27"/>
      <c r="AB39" s="27"/>
      <c r="AC39" s="27"/>
      <c r="AD39" s="28"/>
      <c r="AE39" s="29"/>
      <c r="AF39" s="29"/>
      <c r="AG39" s="29"/>
      <c r="AH39" s="27"/>
      <c r="AI39" s="27"/>
      <c r="AJ39" s="27"/>
      <c r="AK39" s="27"/>
      <c r="AL39" s="28"/>
      <c r="AM39" s="29"/>
      <c r="AN39" s="29"/>
      <c r="AO39" s="30"/>
    </row>
    <row r="40" spans="1:41" s="46" customFormat="1" ht="9.75" customHeight="1">
      <c r="A40" s="57"/>
      <c r="B40" s="131"/>
      <c r="C40" s="33"/>
      <c r="D40" s="131"/>
      <c r="E40" s="33"/>
      <c r="F40" s="58"/>
      <c r="G40" s="33"/>
      <c r="H40" s="59"/>
      <c r="I40" s="33"/>
      <c r="J40" s="59"/>
      <c r="K40" s="132"/>
      <c r="L40" s="33"/>
      <c r="M40" s="133"/>
      <c r="N40" s="60"/>
      <c r="O40" s="61"/>
      <c r="P40" s="185" t="s">
        <v>89</v>
      </c>
      <c r="Q40" s="178" t="s">
        <v>90</v>
      </c>
      <c r="R40" s="48"/>
      <c r="S40" s="52"/>
      <c r="T40" s="130"/>
      <c r="U40" s="52"/>
      <c r="V40" s="50"/>
      <c r="W40" s="51"/>
      <c r="X40" s="51"/>
      <c r="Y40" s="51"/>
      <c r="Z40" s="122" t="s">
        <v>3</v>
      </c>
      <c r="AA40" s="55"/>
      <c r="AB40" s="55"/>
      <c r="AC40" s="55"/>
      <c r="AD40" s="56"/>
      <c r="AE40" s="19"/>
      <c r="AF40" s="19"/>
      <c r="AG40" s="19"/>
      <c r="AH40" s="55"/>
      <c r="AI40" s="55"/>
      <c r="AJ40" s="55"/>
      <c r="AK40" s="55"/>
      <c r="AL40" s="56"/>
      <c r="AM40" s="19"/>
      <c r="AN40" s="19"/>
      <c r="AO40" s="26"/>
    </row>
    <row r="41" spans="1:41" s="46" customFormat="1" ht="9.75" customHeight="1">
      <c r="A41" s="57"/>
      <c r="B41" s="131"/>
      <c r="C41" s="33"/>
      <c r="D41" s="131"/>
      <c r="E41" s="33"/>
      <c r="F41" s="58"/>
      <c r="G41" s="33"/>
      <c r="H41" s="59"/>
      <c r="I41" s="33"/>
      <c r="J41" s="59"/>
      <c r="K41" s="132"/>
      <c r="L41" s="33"/>
      <c r="M41" s="133"/>
      <c r="N41" s="60"/>
      <c r="O41" s="61"/>
      <c r="P41" s="186"/>
      <c r="Q41" s="179"/>
      <c r="R41" s="33"/>
      <c r="S41" s="61" t="s">
        <v>829</v>
      </c>
      <c r="T41" s="134" t="s">
        <v>830</v>
      </c>
      <c r="U41" s="61"/>
      <c r="V41" s="59" t="s">
        <v>30</v>
      </c>
      <c r="W41" s="60" t="s">
        <v>30</v>
      </c>
      <c r="X41" s="60" t="s">
        <v>30</v>
      </c>
      <c r="Y41" s="60" t="s">
        <v>831</v>
      </c>
      <c r="Z41" s="135"/>
      <c r="AA41" s="27"/>
      <c r="AB41" s="27"/>
      <c r="AC41" s="27"/>
      <c r="AD41" s="28"/>
      <c r="AE41" s="29"/>
      <c r="AF41" s="29"/>
      <c r="AG41" s="29"/>
      <c r="AH41" s="27"/>
      <c r="AI41" s="27"/>
      <c r="AJ41" s="27"/>
      <c r="AK41" s="27"/>
      <c r="AL41" s="28"/>
      <c r="AM41" s="29"/>
      <c r="AN41" s="29"/>
      <c r="AO41" s="30"/>
    </row>
    <row r="42" spans="1:41" s="46" customFormat="1" ht="9.75" customHeight="1">
      <c r="A42" s="57"/>
      <c r="B42" s="131"/>
      <c r="C42" s="33"/>
      <c r="D42" s="131"/>
      <c r="E42" s="33"/>
      <c r="F42" s="58"/>
      <c r="G42" s="33"/>
      <c r="H42" s="59"/>
      <c r="I42" s="33"/>
      <c r="J42" s="59"/>
      <c r="K42" s="132"/>
      <c r="L42" s="33"/>
      <c r="M42" s="133"/>
      <c r="N42" s="60"/>
      <c r="O42" s="61"/>
      <c r="P42" s="187"/>
      <c r="Q42" s="180"/>
      <c r="R42" s="33"/>
      <c r="S42" s="61"/>
      <c r="T42" s="134"/>
      <c r="U42" s="61"/>
      <c r="V42" s="59"/>
      <c r="W42" s="60"/>
      <c r="X42" s="60"/>
      <c r="Y42" s="60"/>
      <c r="Z42" s="135"/>
      <c r="AA42" s="27"/>
      <c r="AB42" s="27"/>
      <c r="AC42" s="27"/>
      <c r="AD42" s="28"/>
      <c r="AE42" s="29"/>
      <c r="AF42" s="29"/>
      <c r="AG42" s="29"/>
      <c r="AH42" s="27"/>
      <c r="AI42" s="27"/>
      <c r="AJ42" s="27"/>
      <c r="AK42" s="27"/>
      <c r="AL42" s="28"/>
      <c r="AM42" s="29"/>
      <c r="AN42" s="29"/>
      <c r="AO42" s="30"/>
    </row>
    <row r="43" spans="1:41" s="46" customFormat="1" ht="9.75" customHeight="1">
      <c r="A43" s="57"/>
      <c r="B43" s="131"/>
      <c r="C43" s="33"/>
      <c r="D43" s="131"/>
      <c r="E43" s="33"/>
      <c r="F43" s="58"/>
      <c r="G43" s="33"/>
      <c r="H43" s="59"/>
      <c r="I43" s="33"/>
      <c r="J43" s="59"/>
      <c r="K43" s="132"/>
      <c r="L43" s="33"/>
      <c r="M43" s="133"/>
      <c r="N43" s="60"/>
      <c r="O43" s="61"/>
      <c r="P43" s="185" t="s">
        <v>94</v>
      </c>
      <c r="Q43" s="178" t="s">
        <v>95</v>
      </c>
      <c r="R43" s="48"/>
      <c r="S43" s="52"/>
      <c r="T43" s="130"/>
      <c r="U43" s="52"/>
      <c r="V43" s="50"/>
      <c r="W43" s="51"/>
      <c r="X43" s="51"/>
      <c r="Y43" s="51"/>
      <c r="Z43" s="122" t="s">
        <v>3</v>
      </c>
      <c r="AA43" s="55"/>
      <c r="AB43" s="55"/>
      <c r="AC43" s="55"/>
      <c r="AD43" s="56"/>
      <c r="AE43" s="19"/>
      <c r="AF43" s="19"/>
      <c r="AG43" s="19"/>
      <c r="AH43" s="55"/>
      <c r="AI43" s="55"/>
      <c r="AJ43" s="55"/>
      <c r="AK43" s="55"/>
      <c r="AL43" s="56"/>
      <c r="AM43" s="19"/>
      <c r="AN43" s="19"/>
      <c r="AO43" s="26"/>
    </row>
    <row r="44" spans="1:41" s="46" customFormat="1" ht="9.75" customHeight="1">
      <c r="A44" s="57"/>
      <c r="B44" s="131"/>
      <c r="C44" s="33"/>
      <c r="D44" s="131"/>
      <c r="E44" s="33"/>
      <c r="F44" s="58"/>
      <c r="G44" s="33"/>
      <c r="H44" s="59"/>
      <c r="I44" s="33"/>
      <c r="J44" s="59"/>
      <c r="K44" s="132"/>
      <c r="L44" s="33"/>
      <c r="M44" s="133"/>
      <c r="N44" s="60"/>
      <c r="O44" s="61"/>
      <c r="P44" s="186"/>
      <c r="Q44" s="179"/>
      <c r="R44" s="33"/>
      <c r="S44" s="61" t="s">
        <v>832</v>
      </c>
      <c r="T44" s="134" t="s">
        <v>833</v>
      </c>
      <c r="U44" s="61"/>
      <c r="V44" s="59" t="s">
        <v>30</v>
      </c>
      <c r="W44" s="60" t="s">
        <v>30</v>
      </c>
      <c r="X44" s="60" t="s">
        <v>30</v>
      </c>
      <c r="Y44" s="60" t="s">
        <v>834</v>
      </c>
      <c r="Z44" s="135"/>
      <c r="AA44" s="27"/>
      <c r="AB44" s="27"/>
      <c r="AC44" s="27"/>
      <c r="AD44" s="28"/>
      <c r="AE44" s="29"/>
      <c r="AF44" s="29"/>
      <c r="AG44" s="29"/>
      <c r="AH44" s="27"/>
      <c r="AI44" s="27"/>
      <c r="AJ44" s="27"/>
      <c r="AK44" s="27"/>
      <c r="AL44" s="28"/>
      <c r="AM44" s="29"/>
      <c r="AN44" s="29"/>
      <c r="AO44" s="30"/>
    </row>
    <row r="45" spans="1:41" s="46" customFormat="1" ht="9.75" customHeight="1">
      <c r="A45" s="57"/>
      <c r="B45" s="131"/>
      <c r="C45" s="33"/>
      <c r="D45" s="131"/>
      <c r="E45" s="33"/>
      <c r="F45" s="58"/>
      <c r="G45" s="33"/>
      <c r="H45" s="59"/>
      <c r="I45" s="33"/>
      <c r="J45" s="59"/>
      <c r="K45" s="132"/>
      <c r="L45" s="33"/>
      <c r="M45" s="133"/>
      <c r="N45" s="60"/>
      <c r="O45" s="61"/>
      <c r="P45" s="187"/>
      <c r="Q45" s="180"/>
      <c r="R45" s="33"/>
      <c r="S45" s="61"/>
      <c r="T45" s="134"/>
      <c r="U45" s="61"/>
      <c r="V45" s="59"/>
      <c r="W45" s="60"/>
      <c r="X45" s="60"/>
      <c r="Y45" s="60"/>
      <c r="Z45" s="135"/>
      <c r="AA45" s="27"/>
      <c r="AB45" s="27"/>
      <c r="AC45" s="27"/>
      <c r="AD45" s="28"/>
      <c r="AE45" s="29"/>
      <c r="AF45" s="29"/>
      <c r="AG45" s="29"/>
      <c r="AH45" s="27"/>
      <c r="AI45" s="27"/>
      <c r="AJ45" s="27"/>
      <c r="AK45" s="27"/>
      <c r="AL45" s="28"/>
      <c r="AM45" s="29"/>
      <c r="AN45" s="29"/>
      <c r="AO45" s="30"/>
    </row>
    <row r="46" spans="1:41" s="46" customFormat="1" ht="9.75" customHeight="1">
      <c r="A46" s="57"/>
      <c r="B46" s="131"/>
      <c r="C46" s="33"/>
      <c r="D46" s="131"/>
      <c r="E46" s="33"/>
      <c r="F46" s="58"/>
      <c r="G46" s="33"/>
      <c r="H46" s="59"/>
      <c r="I46" s="33"/>
      <c r="J46" s="59"/>
      <c r="K46" s="132"/>
      <c r="L46" s="33"/>
      <c r="M46" s="133"/>
      <c r="N46" s="60"/>
      <c r="O46" s="61"/>
      <c r="P46" s="185" t="s">
        <v>307</v>
      </c>
      <c r="Q46" s="178" t="s">
        <v>308</v>
      </c>
      <c r="R46" s="48"/>
      <c r="S46" s="52"/>
      <c r="T46" s="130"/>
      <c r="U46" s="52"/>
      <c r="V46" s="50"/>
      <c r="W46" s="51"/>
      <c r="X46" s="51"/>
      <c r="Y46" s="51"/>
      <c r="Z46" s="122" t="s">
        <v>3</v>
      </c>
      <c r="AA46" s="55"/>
      <c r="AB46" s="55"/>
      <c r="AC46" s="55"/>
      <c r="AD46" s="56"/>
      <c r="AE46" s="19"/>
      <c r="AF46" s="19"/>
      <c r="AG46" s="19"/>
      <c r="AH46" s="55"/>
      <c r="AI46" s="55"/>
      <c r="AJ46" s="55"/>
      <c r="AK46" s="55"/>
      <c r="AL46" s="56"/>
      <c r="AM46" s="19"/>
      <c r="AN46" s="19"/>
      <c r="AO46" s="26"/>
    </row>
    <row r="47" spans="1:41" s="46" customFormat="1" ht="9.75" customHeight="1">
      <c r="A47" s="57"/>
      <c r="B47" s="131"/>
      <c r="C47" s="33"/>
      <c r="D47" s="131"/>
      <c r="E47" s="33"/>
      <c r="F47" s="58"/>
      <c r="G47" s="33"/>
      <c r="H47" s="59"/>
      <c r="I47" s="33"/>
      <c r="J47" s="59"/>
      <c r="K47" s="132"/>
      <c r="L47" s="33"/>
      <c r="M47" s="133"/>
      <c r="N47" s="60"/>
      <c r="O47" s="61"/>
      <c r="P47" s="186"/>
      <c r="Q47" s="179"/>
      <c r="R47" s="33"/>
      <c r="S47" s="61" t="s">
        <v>835</v>
      </c>
      <c r="T47" s="134" t="s">
        <v>836</v>
      </c>
      <c r="U47" s="61"/>
      <c r="V47" s="59" t="s">
        <v>30</v>
      </c>
      <c r="W47" s="60" t="s">
        <v>30</v>
      </c>
      <c r="X47" s="60" t="s">
        <v>30</v>
      </c>
      <c r="Y47" s="60" t="s">
        <v>837</v>
      </c>
      <c r="Z47" s="135"/>
      <c r="AA47" s="27"/>
      <c r="AB47" s="27"/>
      <c r="AC47" s="27"/>
      <c r="AD47" s="28"/>
      <c r="AE47" s="29"/>
      <c r="AF47" s="29"/>
      <c r="AG47" s="29"/>
      <c r="AH47" s="27"/>
      <c r="AI47" s="27"/>
      <c r="AJ47" s="27"/>
      <c r="AK47" s="27"/>
      <c r="AL47" s="28"/>
      <c r="AM47" s="29"/>
      <c r="AN47" s="29"/>
      <c r="AO47" s="30"/>
    </row>
    <row r="48" spans="1:41" s="46" customFormat="1" ht="9.75" customHeight="1">
      <c r="A48" s="57"/>
      <c r="B48" s="131"/>
      <c r="C48" s="33"/>
      <c r="D48" s="131"/>
      <c r="E48" s="33"/>
      <c r="F48" s="58"/>
      <c r="G48" s="33"/>
      <c r="H48" s="59"/>
      <c r="I48" s="33"/>
      <c r="J48" s="59"/>
      <c r="K48" s="132"/>
      <c r="L48" s="33"/>
      <c r="M48" s="133"/>
      <c r="N48" s="60"/>
      <c r="O48" s="61"/>
      <c r="P48" s="187"/>
      <c r="Q48" s="180"/>
      <c r="R48" s="33"/>
      <c r="S48" s="61"/>
      <c r="T48" s="134"/>
      <c r="U48" s="61"/>
      <c r="V48" s="59"/>
      <c r="W48" s="60"/>
      <c r="X48" s="60"/>
      <c r="Y48" s="60"/>
      <c r="Z48" s="135"/>
      <c r="AA48" s="27"/>
      <c r="AB48" s="27"/>
      <c r="AC48" s="27"/>
      <c r="AD48" s="28"/>
      <c r="AE48" s="29"/>
      <c r="AF48" s="29"/>
      <c r="AG48" s="29"/>
      <c r="AH48" s="27"/>
      <c r="AI48" s="27"/>
      <c r="AJ48" s="27"/>
      <c r="AK48" s="27"/>
      <c r="AL48" s="28"/>
      <c r="AM48" s="29"/>
      <c r="AN48" s="29"/>
      <c r="AO48" s="30"/>
    </row>
    <row r="49" spans="1:41" s="46" customFormat="1" ht="9.75" customHeight="1">
      <c r="A49" s="57"/>
      <c r="B49" s="131"/>
      <c r="C49" s="33"/>
      <c r="D49" s="131"/>
      <c r="E49" s="33"/>
      <c r="F49" s="58"/>
      <c r="G49" s="33"/>
      <c r="H49" s="59"/>
      <c r="I49" s="33"/>
      <c r="J49" s="59"/>
      <c r="K49" s="132"/>
      <c r="L49" s="33"/>
      <c r="M49" s="133"/>
      <c r="N49" s="60"/>
      <c r="O49" s="61"/>
      <c r="P49" s="185" t="s">
        <v>97</v>
      </c>
      <c r="Q49" s="188" t="s">
        <v>98</v>
      </c>
      <c r="R49" s="48"/>
      <c r="S49" s="52"/>
      <c r="T49" s="130"/>
      <c r="U49" s="52"/>
      <c r="V49" s="50"/>
      <c r="W49" s="51"/>
      <c r="X49" s="51"/>
      <c r="Y49" s="51"/>
      <c r="Z49" s="122" t="s">
        <v>3</v>
      </c>
      <c r="AA49" s="55"/>
      <c r="AB49" s="55"/>
      <c r="AC49" s="55"/>
      <c r="AD49" s="56"/>
      <c r="AE49" s="19"/>
      <c r="AF49" s="19"/>
      <c r="AG49" s="19"/>
      <c r="AH49" s="55"/>
      <c r="AI49" s="55"/>
      <c r="AJ49" s="55"/>
      <c r="AK49" s="55"/>
      <c r="AL49" s="56"/>
      <c r="AM49" s="19"/>
      <c r="AN49" s="19"/>
      <c r="AO49" s="26"/>
    </row>
    <row r="50" spans="1:41" s="46" customFormat="1" ht="9.75" customHeight="1">
      <c r="A50" s="57"/>
      <c r="B50" s="131"/>
      <c r="C50" s="33"/>
      <c r="D50" s="131"/>
      <c r="E50" s="33"/>
      <c r="F50" s="58"/>
      <c r="G50" s="33"/>
      <c r="H50" s="59"/>
      <c r="I50" s="33"/>
      <c r="J50" s="59"/>
      <c r="K50" s="132"/>
      <c r="L50" s="33"/>
      <c r="M50" s="133"/>
      <c r="N50" s="60"/>
      <c r="O50" s="61"/>
      <c r="P50" s="186"/>
      <c r="Q50" s="179"/>
      <c r="R50" s="33"/>
      <c r="S50" s="61" t="s">
        <v>838</v>
      </c>
      <c r="T50" s="134" t="s">
        <v>30</v>
      </c>
      <c r="U50" s="61"/>
      <c r="V50" s="59" t="s">
        <v>30</v>
      </c>
      <c r="W50" s="60" t="s">
        <v>30</v>
      </c>
      <c r="X50" s="60" t="s">
        <v>30</v>
      </c>
      <c r="Y50" s="60" t="s">
        <v>838</v>
      </c>
      <c r="Z50" s="135"/>
      <c r="AA50" s="27"/>
      <c r="AB50" s="27"/>
      <c r="AC50" s="27"/>
      <c r="AD50" s="28"/>
      <c r="AE50" s="29"/>
      <c r="AF50" s="29"/>
      <c r="AG50" s="29"/>
      <c r="AH50" s="27"/>
      <c r="AI50" s="27"/>
      <c r="AJ50" s="27"/>
      <c r="AK50" s="27"/>
      <c r="AL50" s="28"/>
      <c r="AM50" s="29"/>
      <c r="AN50" s="29"/>
      <c r="AO50" s="30"/>
    </row>
    <row r="51" spans="1:41" s="46" customFormat="1" ht="9.75" customHeight="1">
      <c r="A51" s="57"/>
      <c r="B51" s="131"/>
      <c r="C51" s="33"/>
      <c r="D51" s="131"/>
      <c r="E51" s="33"/>
      <c r="F51" s="58"/>
      <c r="G51" s="33"/>
      <c r="H51" s="59"/>
      <c r="I51" s="33"/>
      <c r="J51" s="59"/>
      <c r="K51" s="132"/>
      <c r="L51" s="33"/>
      <c r="M51" s="133"/>
      <c r="N51" s="60"/>
      <c r="O51" s="61"/>
      <c r="P51" s="187"/>
      <c r="Q51" s="180"/>
      <c r="R51" s="33"/>
      <c r="S51" s="61"/>
      <c r="T51" s="134"/>
      <c r="U51" s="61"/>
      <c r="V51" s="59"/>
      <c r="W51" s="60"/>
      <c r="X51" s="60"/>
      <c r="Y51" s="60"/>
      <c r="Z51" s="135"/>
      <c r="AA51" s="27"/>
      <c r="AB51" s="27"/>
      <c r="AC51" s="27"/>
      <c r="AD51" s="28"/>
      <c r="AE51" s="29"/>
      <c r="AF51" s="29"/>
      <c r="AG51" s="29"/>
      <c r="AH51" s="27"/>
      <c r="AI51" s="27"/>
      <c r="AJ51" s="27"/>
      <c r="AK51" s="27"/>
      <c r="AL51" s="28"/>
      <c r="AM51" s="29"/>
      <c r="AN51" s="29"/>
      <c r="AO51" s="30"/>
    </row>
    <row r="52" spans="1:41" s="46" customFormat="1" ht="9.75" customHeight="1">
      <c r="A52" s="57"/>
      <c r="B52" s="131"/>
      <c r="C52" s="33"/>
      <c r="D52" s="131"/>
      <c r="E52" s="33"/>
      <c r="F52" s="58"/>
      <c r="G52" s="33"/>
      <c r="H52" s="59"/>
      <c r="I52" s="33"/>
      <c r="J52" s="59"/>
      <c r="K52" s="132"/>
      <c r="L52" s="33"/>
      <c r="M52" s="133"/>
      <c r="N52" s="60"/>
      <c r="O52" s="61"/>
      <c r="P52" s="185" t="s">
        <v>124</v>
      </c>
      <c r="Q52" s="178" t="s">
        <v>125</v>
      </c>
      <c r="R52" s="48"/>
      <c r="S52" s="52"/>
      <c r="T52" s="130"/>
      <c r="U52" s="52"/>
      <c r="V52" s="50"/>
      <c r="W52" s="51"/>
      <c r="X52" s="51"/>
      <c r="Y52" s="51"/>
      <c r="Z52" s="122" t="s">
        <v>3</v>
      </c>
      <c r="AA52" s="55"/>
      <c r="AB52" s="55"/>
      <c r="AC52" s="55"/>
      <c r="AD52" s="56"/>
      <c r="AE52" s="19"/>
      <c r="AF52" s="19"/>
      <c r="AG52" s="19"/>
      <c r="AH52" s="55"/>
      <c r="AI52" s="55"/>
      <c r="AJ52" s="55"/>
      <c r="AK52" s="55"/>
      <c r="AL52" s="56"/>
      <c r="AM52" s="19"/>
      <c r="AN52" s="19"/>
      <c r="AO52" s="26"/>
    </row>
    <row r="53" spans="1:41" s="46" customFormat="1" ht="9.75" customHeight="1">
      <c r="A53" s="57"/>
      <c r="B53" s="131"/>
      <c r="C53" s="33"/>
      <c r="D53" s="131"/>
      <c r="E53" s="33"/>
      <c r="F53" s="58"/>
      <c r="G53" s="33"/>
      <c r="H53" s="59"/>
      <c r="I53" s="33"/>
      <c r="J53" s="59"/>
      <c r="K53" s="132"/>
      <c r="L53" s="33"/>
      <c r="M53" s="133"/>
      <c r="N53" s="60"/>
      <c r="O53" s="61"/>
      <c r="P53" s="186"/>
      <c r="Q53" s="179"/>
      <c r="R53" s="33"/>
      <c r="S53" s="61" t="s">
        <v>839</v>
      </c>
      <c r="T53" s="134" t="s">
        <v>840</v>
      </c>
      <c r="U53" s="61"/>
      <c r="V53" s="59" t="s">
        <v>30</v>
      </c>
      <c r="W53" s="60" t="s">
        <v>30</v>
      </c>
      <c r="X53" s="60" t="s">
        <v>30</v>
      </c>
      <c r="Y53" s="60" t="s">
        <v>841</v>
      </c>
      <c r="Z53" s="135"/>
      <c r="AA53" s="27"/>
      <c r="AB53" s="27"/>
      <c r="AC53" s="27"/>
      <c r="AD53" s="28"/>
      <c r="AE53" s="29"/>
      <c r="AF53" s="29"/>
      <c r="AG53" s="29"/>
      <c r="AH53" s="27"/>
      <c r="AI53" s="27"/>
      <c r="AJ53" s="27"/>
      <c r="AK53" s="27"/>
      <c r="AL53" s="28"/>
      <c r="AM53" s="29"/>
      <c r="AN53" s="29"/>
      <c r="AO53" s="30"/>
    </row>
    <row r="54" spans="1:41" s="46" customFormat="1" ht="9.75" customHeight="1">
      <c r="A54" s="57"/>
      <c r="B54" s="131"/>
      <c r="C54" s="33"/>
      <c r="D54" s="131"/>
      <c r="E54" s="33"/>
      <c r="F54" s="58"/>
      <c r="G54" s="33"/>
      <c r="H54" s="59"/>
      <c r="I54" s="33"/>
      <c r="J54" s="59"/>
      <c r="K54" s="132"/>
      <c r="L54" s="33"/>
      <c r="M54" s="133"/>
      <c r="N54" s="60"/>
      <c r="O54" s="61"/>
      <c r="P54" s="187"/>
      <c r="Q54" s="180"/>
      <c r="R54" s="33"/>
      <c r="S54" s="61"/>
      <c r="T54" s="134"/>
      <c r="U54" s="61"/>
      <c r="V54" s="59"/>
      <c r="W54" s="60"/>
      <c r="X54" s="60"/>
      <c r="Y54" s="60"/>
      <c r="Z54" s="135"/>
      <c r="AA54" s="27"/>
      <c r="AB54" s="27"/>
      <c r="AC54" s="27"/>
      <c r="AD54" s="28"/>
      <c r="AE54" s="29"/>
      <c r="AF54" s="29"/>
      <c r="AG54" s="29"/>
      <c r="AH54" s="27"/>
      <c r="AI54" s="27"/>
      <c r="AJ54" s="27"/>
      <c r="AK54" s="27"/>
      <c r="AL54" s="28"/>
      <c r="AM54" s="29"/>
      <c r="AN54" s="29"/>
      <c r="AO54" s="30"/>
    </row>
    <row r="55" spans="1:41" s="46" customFormat="1" ht="9.75" customHeight="1">
      <c r="A55" s="57"/>
      <c r="B55" s="141"/>
      <c r="C55" s="33"/>
      <c r="D55" s="34"/>
      <c r="E55" s="175" t="s">
        <v>52</v>
      </c>
      <c r="F55" s="178" t="s">
        <v>348</v>
      </c>
      <c r="G55" s="48"/>
      <c r="H55" s="50"/>
      <c r="I55" s="48"/>
      <c r="J55" s="50"/>
      <c r="K55" s="128"/>
      <c r="L55" s="48"/>
      <c r="M55" s="129"/>
      <c r="N55" s="51"/>
      <c r="O55" s="52"/>
      <c r="P55" s="52"/>
      <c r="Q55" s="76"/>
      <c r="R55" s="48"/>
      <c r="S55" s="52"/>
      <c r="T55" s="130"/>
      <c r="U55" s="52"/>
      <c r="V55" s="50"/>
      <c r="W55" s="51"/>
      <c r="X55" s="51"/>
      <c r="Y55" s="51"/>
      <c r="Z55" s="122" t="s">
        <v>3</v>
      </c>
      <c r="AA55" s="55"/>
      <c r="AB55" s="55"/>
      <c r="AC55" s="55"/>
      <c r="AD55" s="56"/>
      <c r="AE55" s="19"/>
      <c r="AF55" s="19"/>
      <c r="AG55" s="19"/>
      <c r="AH55" s="55"/>
      <c r="AI55" s="55"/>
      <c r="AJ55" s="55"/>
      <c r="AK55" s="55"/>
      <c r="AL55" s="56"/>
      <c r="AM55" s="19"/>
      <c r="AN55" s="19"/>
      <c r="AO55" s="26"/>
    </row>
    <row r="56" spans="1:41" s="46" customFormat="1" ht="9.75" customHeight="1">
      <c r="A56" s="57"/>
      <c r="B56" s="141"/>
      <c r="C56" s="33"/>
      <c r="D56" s="141"/>
      <c r="E56" s="176"/>
      <c r="F56" s="179"/>
      <c r="G56" s="33"/>
      <c r="H56" s="59" t="s">
        <v>842</v>
      </c>
      <c r="I56" s="33"/>
      <c r="J56" s="59" t="s">
        <v>843</v>
      </c>
      <c r="K56" s="132" t="s">
        <v>30</v>
      </c>
      <c r="L56" s="33"/>
      <c r="M56" s="133" t="s">
        <v>30</v>
      </c>
      <c r="N56" s="60" t="s">
        <v>844</v>
      </c>
      <c r="O56" s="61"/>
      <c r="P56" s="61"/>
      <c r="Q56" s="58"/>
      <c r="R56" s="33"/>
      <c r="S56" s="61"/>
      <c r="T56" s="134" t="s">
        <v>845</v>
      </c>
      <c r="U56" s="61"/>
      <c r="V56" s="59" t="s">
        <v>30</v>
      </c>
      <c r="W56" s="60" t="s">
        <v>30</v>
      </c>
      <c r="X56" s="60" t="s">
        <v>30</v>
      </c>
      <c r="Y56" s="60" t="s">
        <v>846</v>
      </c>
      <c r="Z56" s="135"/>
      <c r="AA56" s="27"/>
      <c r="AB56" s="27"/>
      <c r="AC56" s="27"/>
      <c r="AD56" s="28"/>
      <c r="AE56" s="29"/>
      <c r="AF56" s="29"/>
      <c r="AG56" s="29"/>
      <c r="AH56" s="27"/>
      <c r="AI56" s="27"/>
      <c r="AJ56" s="27"/>
      <c r="AK56" s="27"/>
      <c r="AL56" s="28"/>
      <c r="AM56" s="29"/>
      <c r="AN56" s="29"/>
      <c r="AO56" s="30"/>
    </row>
    <row r="57" spans="1:41" s="46" customFormat="1" ht="9.75" customHeight="1">
      <c r="A57" s="57"/>
      <c r="B57" s="141"/>
      <c r="C57" s="33"/>
      <c r="D57" s="141"/>
      <c r="E57" s="176"/>
      <c r="F57" s="179"/>
      <c r="G57" s="33"/>
      <c r="H57" s="59"/>
      <c r="I57" s="33"/>
      <c r="J57" s="59"/>
      <c r="K57" s="132"/>
      <c r="L57" s="33"/>
      <c r="M57" s="133"/>
      <c r="N57" s="60"/>
      <c r="O57" s="61"/>
      <c r="P57" s="61"/>
      <c r="Q57" s="58"/>
      <c r="R57" s="33"/>
      <c r="S57" s="61"/>
      <c r="T57" s="134"/>
      <c r="U57" s="61"/>
      <c r="V57" s="59"/>
      <c r="W57" s="60"/>
      <c r="X57" s="60"/>
      <c r="Y57" s="60"/>
      <c r="Z57" s="135"/>
      <c r="AA57" s="27"/>
      <c r="AB57" s="27"/>
      <c r="AC57" s="27"/>
      <c r="AD57" s="28"/>
      <c r="AE57" s="29"/>
      <c r="AF57" s="29"/>
      <c r="AG57" s="29"/>
      <c r="AH57" s="27"/>
      <c r="AI57" s="27"/>
      <c r="AJ57" s="27"/>
      <c r="AK57" s="27"/>
      <c r="AL57" s="28"/>
      <c r="AM57" s="29"/>
      <c r="AN57" s="29"/>
      <c r="AO57" s="30"/>
    </row>
    <row r="58" spans="1:41" s="46" customFormat="1" ht="9.75" customHeight="1">
      <c r="A58" s="57"/>
      <c r="B58" s="131"/>
      <c r="C58" s="33"/>
      <c r="D58" s="141"/>
      <c r="E58" s="33"/>
      <c r="F58" s="34"/>
      <c r="G58" s="33"/>
      <c r="H58" s="59"/>
      <c r="I58" s="33"/>
      <c r="J58" s="59"/>
      <c r="K58" s="132"/>
      <c r="L58" s="33"/>
      <c r="M58" s="133"/>
      <c r="N58" s="60"/>
      <c r="O58" s="61"/>
      <c r="P58" s="185" t="s">
        <v>145</v>
      </c>
      <c r="Q58" s="188" t="s">
        <v>146</v>
      </c>
      <c r="R58" s="48"/>
      <c r="S58" s="52"/>
      <c r="T58" s="130"/>
      <c r="U58" s="52"/>
      <c r="V58" s="50"/>
      <c r="W58" s="51"/>
      <c r="X58" s="51"/>
      <c r="Y58" s="51"/>
      <c r="Z58" s="122" t="s">
        <v>3</v>
      </c>
      <c r="AA58" s="55"/>
      <c r="AB58" s="55"/>
      <c r="AC58" s="55"/>
      <c r="AD58" s="56"/>
      <c r="AE58" s="19"/>
      <c r="AF58" s="19"/>
      <c r="AG58" s="19"/>
      <c r="AH58" s="55"/>
      <c r="AI58" s="55"/>
      <c r="AJ58" s="55"/>
      <c r="AK58" s="55"/>
      <c r="AL58" s="56"/>
      <c r="AM58" s="19"/>
      <c r="AN58" s="19"/>
      <c r="AO58" s="26"/>
    </row>
    <row r="59" spans="1:41" s="46" customFormat="1" ht="9.75" customHeight="1">
      <c r="A59" s="57"/>
      <c r="B59" s="131"/>
      <c r="C59" s="33"/>
      <c r="D59" s="141"/>
      <c r="E59" s="33"/>
      <c r="F59" s="34"/>
      <c r="G59" s="33"/>
      <c r="H59" s="59"/>
      <c r="I59" s="33"/>
      <c r="J59" s="59"/>
      <c r="K59" s="132"/>
      <c r="L59" s="33"/>
      <c r="M59" s="133"/>
      <c r="N59" s="60"/>
      <c r="O59" s="61"/>
      <c r="P59" s="186"/>
      <c r="Q59" s="179"/>
      <c r="R59" s="33"/>
      <c r="S59" s="61" t="s">
        <v>844</v>
      </c>
      <c r="T59" s="134" t="s">
        <v>845</v>
      </c>
      <c r="U59" s="61"/>
      <c r="V59" s="59" t="s">
        <v>30</v>
      </c>
      <c r="W59" s="60" t="s">
        <v>30</v>
      </c>
      <c r="X59" s="60" t="s">
        <v>30</v>
      </c>
      <c r="Y59" s="60" t="s">
        <v>846</v>
      </c>
      <c r="Z59" s="135"/>
      <c r="AA59" s="27"/>
      <c r="AB59" s="27"/>
      <c r="AC59" s="27"/>
      <c r="AD59" s="28"/>
      <c r="AE59" s="29"/>
      <c r="AF59" s="29"/>
      <c r="AG59" s="29"/>
      <c r="AH59" s="27"/>
      <c r="AI59" s="27"/>
      <c r="AJ59" s="27"/>
      <c r="AK59" s="27"/>
      <c r="AL59" s="28"/>
      <c r="AM59" s="29"/>
      <c r="AN59" s="29"/>
      <c r="AO59" s="30"/>
    </row>
    <row r="60" spans="1:41" s="46" customFormat="1" ht="9.75" customHeight="1">
      <c r="A60" s="57"/>
      <c r="B60" s="131"/>
      <c r="C60" s="64"/>
      <c r="D60" s="159"/>
      <c r="E60" s="64"/>
      <c r="F60" s="77"/>
      <c r="G60" s="64"/>
      <c r="H60" s="66"/>
      <c r="I60" s="64"/>
      <c r="J60" s="66"/>
      <c r="K60" s="137"/>
      <c r="L60" s="64"/>
      <c r="M60" s="138"/>
      <c r="N60" s="67"/>
      <c r="O60" s="68"/>
      <c r="P60" s="187"/>
      <c r="Q60" s="180"/>
      <c r="R60" s="64"/>
      <c r="S60" s="68"/>
      <c r="T60" s="139"/>
      <c r="U60" s="68"/>
      <c r="V60" s="66"/>
      <c r="W60" s="67"/>
      <c r="X60" s="67"/>
      <c r="Y60" s="67"/>
      <c r="Z60" s="140"/>
      <c r="AA60" s="71"/>
      <c r="AB60" s="71"/>
      <c r="AC60" s="71"/>
      <c r="AD60" s="72"/>
      <c r="AE60" s="73"/>
      <c r="AF60" s="73"/>
      <c r="AG60" s="73"/>
      <c r="AH60" s="71"/>
      <c r="AI60" s="71"/>
      <c r="AJ60" s="71"/>
      <c r="AK60" s="71"/>
      <c r="AL60" s="72"/>
      <c r="AM60" s="73"/>
      <c r="AN60" s="73"/>
      <c r="AO60" s="74"/>
    </row>
    <row r="61" spans="1:41" s="46" customFormat="1" ht="9.75" customHeight="1">
      <c r="A61" s="57"/>
      <c r="B61" s="34"/>
      <c r="C61" s="175" t="s">
        <v>36</v>
      </c>
      <c r="D61" s="178" t="s">
        <v>108</v>
      </c>
      <c r="E61" s="48"/>
      <c r="F61" s="49"/>
      <c r="G61" s="48"/>
      <c r="H61" s="50"/>
      <c r="I61" s="48"/>
      <c r="J61" s="50"/>
      <c r="K61" s="128"/>
      <c r="L61" s="48"/>
      <c r="M61" s="129"/>
      <c r="N61" s="51"/>
      <c r="O61" s="52"/>
      <c r="P61" s="52"/>
      <c r="Q61" s="76"/>
      <c r="R61" s="48"/>
      <c r="S61" s="52"/>
      <c r="T61" s="130"/>
      <c r="U61" s="52"/>
      <c r="V61" s="50"/>
      <c r="W61" s="51"/>
      <c r="X61" s="51"/>
      <c r="Y61" s="51"/>
      <c r="Z61" s="122" t="s">
        <v>3</v>
      </c>
      <c r="AA61" s="55"/>
      <c r="AB61" s="55"/>
      <c r="AC61" s="55"/>
      <c r="AD61" s="56"/>
      <c r="AE61" s="19"/>
      <c r="AF61" s="19"/>
      <c r="AG61" s="19"/>
      <c r="AH61" s="55"/>
      <c r="AI61" s="55"/>
      <c r="AJ61" s="55"/>
      <c r="AK61" s="55"/>
      <c r="AL61" s="56"/>
      <c r="AM61" s="19"/>
      <c r="AN61" s="19"/>
      <c r="AO61" s="26"/>
    </row>
    <row r="62" spans="1:41" s="46" customFormat="1" ht="9.75" customHeight="1">
      <c r="A62" s="57"/>
      <c r="B62" s="141"/>
      <c r="C62" s="176"/>
      <c r="D62" s="179"/>
      <c r="E62" s="33"/>
      <c r="F62" s="34"/>
      <c r="G62" s="33"/>
      <c r="H62" s="59" t="s">
        <v>847</v>
      </c>
      <c r="I62" s="33"/>
      <c r="J62" s="59" t="s">
        <v>30</v>
      </c>
      <c r="K62" s="132" t="s">
        <v>30</v>
      </c>
      <c r="L62" s="33"/>
      <c r="M62" s="133" t="s">
        <v>30</v>
      </c>
      <c r="N62" s="60" t="s">
        <v>847</v>
      </c>
      <c r="O62" s="61"/>
      <c r="P62" s="61"/>
      <c r="Q62" s="58"/>
      <c r="R62" s="33"/>
      <c r="S62" s="61"/>
      <c r="T62" s="134" t="s">
        <v>30</v>
      </c>
      <c r="U62" s="61"/>
      <c r="V62" s="59" t="s">
        <v>30</v>
      </c>
      <c r="W62" s="60" t="s">
        <v>30</v>
      </c>
      <c r="X62" s="60" t="s">
        <v>30</v>
      </c>
      <c r="Y62" s="60" t="s">
        <v>847</v>
      </c>
      <c r="Z62" s="135"/>
      <c r="AA62" s="27"/>
      <c r="AB62" s="27"/>
      <c r="AC62" s="27"/>
      <c r="AD62" s="28"/>
      <c r="AE62" s="29"/>
      <c r="AF62" s="29"/>
      <c r="AG62" s="29"/>
      <c r="AH62" s="27"/>
      <c r="AI62" s="27"/>
      <c r="AJ62" s="27"/>
      <c r="AK62" s="27"/>
      <c r="AL62" s="28"/>
      <c r="AM62" s="29"/>
      <c r="AN62" s="29"/>
      <c r="AO62" s="30"/>
    </row>
    <row r="63" spans="1:41" s="46" customFormat="1" ht="9.75" customHeight="1">
      <c r="A63" s="57"/>
      <c r="B63" s="141"/>
      <c r="C63" s="176"/>
      <c r="D63" s="179"/>
      <c r="E63" s="33"/>
      <c r="F63" s="34"/>
      <c r="G63" s="33"/>
      <c r="H63" s="59"/>
      <c r="I63" s="33"/>
      <c r="J63" s="59"/>
      <c r="K63" s="132"/>
      <c r="L63" s="33"/>
      <c r="M63" s="133"/>
      <c r="N63" s="60"/>
      <c r="O63" s="61"/>
      <c r="P63" s="61"/>
      <c r="Q63" s="58"/>
      <c r="R63" s="33"/>
      <c r="S63" s="61"/>
      <c r="T63" s="134"/>
      <c r="U63" s="61"/>
      <c r="V63" s="59"/>
      <c r="W63" s="60"/>
      <c r="X63" s="60"/>
      <c r="Y63" s="60"/>
      <c r="Z63" s="135"/>
      <c r="AA63" s="27"/>
      <c r="AB63" s="27"/>
      <c r="AC63" s="27"/>
      <c r="AD63" s="28"/>
      <c r="AE63" s="29"/>
      <c r="AF63" s="29"/>
      <c r="AG63" s="29"/>
      <c r="AH63" s="27"/>
      <c r="AI63" s="27"/>
      <c r="AJ63" s="27"/>
      <c r="AK63" s="27"/>
      <c r="AL63" s="28"/>
      <c r="AM63" s="29"/>
      <c r="AN63" s="29"/>
      <c r="AO63" s="30"/>
    </row>
    <row r="64" spans="1:41" s="46" customFormat="1" ht="9.75" customHeight="1">
      <c r="A64" s="57"/>
      <c r="B64" s="131"/>
      <c r="C64" s="33"/>
      <c r="D64" s="34"/>
      <c r="E64" s="175" t="s">
        <v>21</v>
      </c>
      <c r="F64" s="189" t="s">
        <v>848</v>
      </c>
      <c r="G64" s="48"/>
      <c r="H64" s="50"/>
      <c r="I64" s="48"/>
      <c r="J64" s="50"/>
      <c r="K64" s="128"/>
      <c r="L64" s="48"/>
      <c r="M64" s="129"/>
      <c r="N64" s="51"/>
      <c r="O64" s="52"/>
      <c r="P64" s="52"/>
      <c r="Q64" s="76"/>
      <c r="R64" s="48"/>
      <c r="S64" s="52"/>
      <c r="T64" s="130"/>
      <c r="U64" s="52"/>
      <c r="V64" s="50"/>
      <c r="W64" s="51"/>
      <c r="X64" s="51"/>
      <c r="Y64" s="51"/>
      <c r="Z64" s="122" t="s">
        <v>3</v>
      </c>
      <c r="AA64" s="55"/>
      <c r="AB64" s="55"/>
      <c r="AC64" s="55"/>
      <c r="AD64" s="56"/>
      <c r="AE64" s="19"/>
      <c r="AF64" s="19"/>
      <c r="AG64" s="19"/>
      <c r="AH64" s="55"/>
      <c r="AI64" s="55"/>
      <c r="AJ64" s="55"/>
      <c r="AK64" s="55"/>
      <c r="AL64" s="56"/>
      <c r="AM64" s="19"/>
      <c r="AN64" s="19"/>
      <c r="AO64" s="26"/>
    </row>
    <row r="65" spans="1:41" s="46" customFormat="1" ht="9.75" customHeight="1">
      <c r="A65" s="57"/>
      <c r="B65" s="131"/>
      <c r="C65" s="33"/>
      <c r="D65" s="141"/>
      <c r="E65" s="176"/>
      <c r="F65" s="190"/>
      <c r="G65" s="33"/>
      <c r="H65" s="59" t="s">
        <v>847</v>
      </c>
      <c r="I65" s="33"/>
      <c r="J65" s="59" t="s">
        <v>30</v>
      </c>
      <c r="K65" s="132" t="s">
        <v>30</v>
      </c>
      <c r="L65" s="33"/>
      <c r="M65" s="133" t="s">
        <v>30</v>
      </c>
      <c r="N65" s="60" t="s">
        <v>847</v>
      </c>
      <c r="O65" s="61"/>
      <c r="P65" s="61"/>
      <c r="Q65" s="34"/>
      <c r="R65" s="33"/>
      <c r="S65" s="61"/>
      <c r="T65" s="134" t="s">
        <v>30</v>
      </c>
      <c r="U65" s="61"/>
      <c r="V65" s="59" t="s">
        <v>30</v>
      </c>
      <c r="W65" s="60" t="s">
        <v>30</v>
      </c>
      <c r="X65" s="60" t="s">
        <v>30</v>
      </c>
      <c r="Y65" s="60" t="s">
        <v>847</v>
      </c>
      <c r="Z65" s="135"/>
      <c r="AA65" s="27"/>
      <c r="AB65" s="27"/>
      <c r="AC65" s="27"/>
      <c r="AD65" s="28"/>
      <c r="AE65" s="29"/>
      <c r="AF65" s="29"/>
      <c r="AG65" s="29"/>
      <c r="AH65" s="27"/>
      <c r="AI65" s="27"/>
      <c r="AJ65" s="27"/>
      <c r="AK65" s="27"/>
      <c r="AL65" s="28"/>
      <c r="AM65" s="29"/>
      <c r="AN65" s="29"/>
      <c r="AO65" s="30"/>
    </row>
    <row r="66" spans="1:41" s="46" customFormat="1" ht="9.75" customHeight="1">
      <c r="A66" s="57"/>
      <c r="B66" s="131"/>
      <c r="C66" s="33"/>
      <c r="D66" s="141"/>
      <c r="E66" s="176"/>
      <c r="F66" s="190"/>
      <c r="G66" s="33"/>
      <c r="H66" s="59"/>
      <c r="I66" s="33"/>
      <c r="J66" s="59"/>
      <c r="K66" s="132"/>
      <c r="L66" s="33"/>
      <c r="M66" s="133"/>
      <c r="N66" s="60"/>
      <c r="O66" s="61"/>
      <c r="P66" s="61"/>
      <c r="Q66" s="34"/>
      <c r="R66" s="33"/>
      <c r="S66" s="61"/>
      <c r="T66" s="134"/>
      <c r="U66" s="61"/>
      <c r="V66" s="59"/>
      <c r="W66" s="60"/>
      <c r="X66" s="60"/>
      <c r="Y66" s="60"/>
      <c r="Z66" s="135"/>
      <c r="AA66" s="27"/>
      <c r="AB66" s="27"/>
      <c r="AC66" s="27"/>
      <c r="AD66" s="28"/>
      <c r="AE66" s="29"/>
      <c r="AF66" s="29"/>
      <c r="AG66" s="29"/>
      <c r="AH66" s="27"/>
      <c r="AI66" s="27"/>
      <c r="AJ66" s="27"/>
      <c r="AK66" s="27"/>
      <c r="AL66" s="28"/>
      <c r="AM66" s="29"/>
      <c r="AN66" s="29"/>
      <c r="AO66" s="30"/>
    </row>
    <row r="67" spans="1:41" s="46" customFormat="1" ht="9.75" customHeight="1">
      <c r="A67" s="57"/>
      <c r="B67" s="131"/>
      <c r="C67" s="33"/>
      <c r="D67" s="131"/>
      <c r="E67" s="33"/>
      <c r="F67" s="34"/>
      <c r="G67" s="33"/>
      <c r="H67" s="59"/>
      <c r="I67" s="33"/>
      <c r="J67" s="59"/>
      <c r="K67" s="132"/>
      <c r="L67" s="33"/>
      <c r="M67" s="133"/>
      <c r="N67" s="60"/>
      <c r="O67" s="61"/>
      <c r="P67" s="185" t="s">
        <v>107</v>
      </c>
      <c r="Q67" s="178" t="s">
        <v>108</v>
      </c>
      <c r="R67" s="48"/>
      <c r="S67" s="52"/>
      <c r="T67" s="130"/>
      <c r="U67" s="52"/>
      <c r="V67" s="50"/>
      <c r="W67" s="51"/>
      <c r="X67" s="51"/>
      <c r="Y67" s="51"/>
      <c r="Z67" s="122" t="s">
        <v>3</v>
      </c>
      <c r="AA67" s="55"/>
      <c r="AB67" s="55"/>
      <c r="AC67" s="55"/>
      <c r="AD67" s="56"/>
      <c r="AE67" s="19"/>
      <c r="AF67" s="19"/>
      <c r="AG67" s="19"/>
      <c r="AH67" s="55"/>
      <c r="AI67" s="55"/>
      <c r="AJ67" s="55"/>
      <c r="AK67" s="55"/>
      <c r="AL67" s="56"/>
      <c r="AM67" s="19"/>
      <c r="AN67" s="19"/>
      <c r="AO67" s="26"/>
    </row>
    <row r="68" spans="1:41" s="46" customFormat="1" ht="9.75" customHeight="1">
      <c r="A68" s="57"/>
      <c r="B68" s="131"/>
      <c r="C68" s="33"/>
      <c r="D68" s="131"/>
      <c r="E68" s="33"/>
      <c r="F68" s="34"/>
      <c r="G68" s="33"/>
      <c r="H68" s="59"/>
      <c r="I68" s="33"/>
      <c r="J68" s="59"/>
      <c r="K68" s="132"/>
      <c r="L68" s="33"/>
      <c r="M68" s="133"/>
      <c r="N68" s="60"/>
      <c r="O68" s="61"/>
      <c r="P68" s="186"/>
      <c r="Q68" s="179"/>
      <c r="R68" s="33"/>
      <c r="S68" s="61" t="s">
        <v>847</v>
      </c>
      <c r="T68" s="134" t="s">
        <v>30</v>
      </c>
      <c r="U68" s="61"/>
      <c r="V68" s="59" t="s">
        <v>30</v>
      </c>
      <c r="W68" s="60" t="s">
        <v>30</v>
      </c>
      <c r="X68" s="60" t="s">
        <v>30</v>
      </c>
      <c r="Y68" s="60" t="s">
        <v>847</v>
      </c>
      <c r="Z68" s="135"/>
      <c r="AA68" s="27"/>
      <c r="AB68" s="27"/>
      <c r="AC68" s="27"/>
      <c r="AD68" s="28"/>
      <c r="AE68" s="29"/>
      <c r="AF68" s="29"/>
      <c r="AG68" s="29"/>
      <c r="AH68" s="27"/>
      <c r="AI68" s="27"/>
      <c r="AJ68" s="27"/>
      <c r="AK68" s="27"/>
      <c r="AL68" s="28"/>
      <c r="AM68" s="29"/>
      <c r="AN68" s="29"/>
      <c r="AO68" s="30"/>
    </row>
    <row r="69" spans="1:41" s="46" customFormat="1" ht="9.75" customHeight="1">
      <c r="A69" s="57"/>
      <c r="B69" s="131"/>
      <c r="C69" s="64"/>
      <c r="D69" s="136"/>
      <c r="E69" s="64"/>
      <c r="F69" s="77"/>
      <c r="G69" s="64"/>
      <c r="H69" s="66"/>
      <c r="I69" s="64"/>
      <c r="J69" s="66"/>
      <c r="K69" s="137"/>
      <c r="L69" s="64"/>
      <c r="M69" s="138"/>
      <c r="N69" s="67"/>
      <c r="O69" s="68"/>
      <c r="P69" s="187"/>
      <c r="Q69" s="180"/>
      <c r="R69" s="64"/>
      <c r="S69" s="68"/>
      <c r="T69" s="139"/>
      <c r="U69" s="68"/>
      <c r="V69" s="66"/>
      <c r="W69" s="67"/>
      <c r="X69" s="67"/>
      <c r="Y69" s="67"/>
      <c r="Z69" s="140"/>
      <c r="AA69" s="71"/>
      <c r="AB69" s="71"/>
      <c r="AC69" s="71"/>
      <c r="AD69" s="72"/>
      <c r="AE69" s="73"/>
      <c r="AF69" s="73"/>
      <c r="AG69" s="73"/>
      <c r="AH69" s="71"/>
      <c r="AI69" s="71"/>
      <c r="AJ69" s="71"/>
      <c r="AK69" s="71"/>
      <c r="AL69" s="72"/>
      <c r="AM69" s="73"/>
      <c r="AN69" s="73"/>
      <c r="AO69" s="74"/>
    </row>
    <row r="70" spans="1:41" s="46" customFormat="1" ht="9.75" customHeight="1">
      <c r="A70" s="57"/>
      <c r="B70" s="34"/>
      <c r="C70" s="175" t="s">
        <v>52</v>
      </c>
      <c r="D70" s="178" t="s">
        <v>175</v>
      </c>
      <c r="E70" s="48"/>
      <c r="F70" s="49"/>
      <c r="G70" s="48"/>
      <c r="H70" s="50"/>
      <c r="I70" s="48"/>
      <c r="J70" s="50"/>
      <c r="K70" s="128"/>
      <c r="L70" s="48"/>
      <c r="M70" s="129"/>
      <c r="N70" s="51"/>
      <c r="O70" s="52"/>
      <c r="P70" s="52"/>
      <c r="Q70" s="76"/>
      <c r="R70" s="48"/>
      <c r="S70" s="52"/>
      <c r="T70" s="130"/>
      <c r="U70" s="52"/>
      <c r="V70" s="50"/>
      <c r="W70" s="51"/>
      <c r="X70" s="51"/>
      <c r="Y70" s="51"/>
      <c r="Z70" s="122" t="s">
        <v>3</v>
      </c>
      <c r="AA70" s="55"/>
      <c r="AB70" s="55"/>
      <c r="AC70" s="55"/>
      <c r="AD70" s="56"/>
      <c r="AE70" s="19"/>
      <c r="AF70" s="19"/>
      <c r="AG70" s="19"/>
      <c r="AH70" s="55"/>
      <c r="AI70" s="55"/>
      <c r="AJ70" s="55"/>
      <c r="AK70" s="55"/>
      <c r="AL70" s="56"/>
      <c r="AM70" s="19"/>
      <c r="AN70" s="19"/>
      <c r="AO70" s="26"/>
    </row>
    <row r="71" spans="1:41" s="46" customFormat="1" ht="9.75" customHeight="1">
      <c r="A71" s="57"/>
      <c r="B71" s="141"/>
      <c r="C71" s="176"/>
      <c r="D71" s="179"/>
      <c r="E71" s="33"/>
      <c r="F71" s="34"/>
      <c r="G71" s="33"/>
      <c r="H71" s="59" t="s">
        <v>849</v>
      </c>
      <c r="I71" s="33"/>
      <c r="J71" s="59" t="s">
        <v>850</v>
      </c>
      <c r="K71" s="132" t="s">
        <v>30</v>
      </c>
      <c r="L71" s="33"/>
      <c r="M71" s="133" t="s">
        <v>30</v>
      </c>
      <c r="N71" s="60" t="s">
        <v>851</v>
      </c>
      <c r="O71" s="61"/>
      <c r="P71" s="61"/>
      <c r="Q71" s="58"/>
      <c r="R71" s="33"/>
      <c r="S71" s="61"/>
      <c r="T71" s="134" t="s">
        <v>852</v>
      </c>
      <c r="U71" s="61"/>
      <c r="V71" s="59" t="s">
        <v>30</v>
      </c>
      <c r="W71" s="60" t="s">
        <v>30</v>
      </c>
      <c r="X71" s="60" t="s">
        <v>30</v>
      </c>
      <c r="Y71" s="60" t="s">
        <v>853</v>
      </c>
      <c r="Z71" s="135"/>
      <c r="AA71" s="27"/>
      <c r="AB71" s="27"/>
      <c r="AC71" s="27"/>
      <c r="AD71" s="28"/>
      <c r="AE71" s="29"/>
      <c r="AF71" s="29"/>
      <c r="AG71" s="29"/>
      <c r="AH71" s="27"/>
      <c r="AI71" s="27"/>
      <c r="AJ71" s="27"/>
      <c r="AK71" s="27"/>
      <c r="AL71" s="28"/>
      <c r="AM71" s="29"/>
      <c r="AN71" s="29"/>
      <c r="AO71" s="30"/>
    </row>
    <row r="72" spans="1:41" s="46" customFormat="1" ht="9.75" customHeight="1">
      <c r="A72" s="57"/>
      <c r="B72" s="141"/>
      <c r="C72" s="176"/>
      <c r="D72" s="179"/>
      <c r="E72" s="33"/>
      <c r="F72" s="34"/>
      <c r="G72" s="33"/>
      <c r="H72" s="59"/>
      <c r="I72" s="33"/>
      <c r="J72" s="59"/>
      <c r="K72" s="132"/>
      <c r="L72" s="33"/>
      <c r="M72" s="133"/>
      <c r="N72" s="60"/>
      <c r="O72" s="61"/>
      <c r="P72" s="61"/>
      <c r="Q72" s="58"/>
      <c r="R72" s="33"/>
      <c r="S72" s="61"/>
      <c r="T72" s="134"/>
      <c r="U72" s="61"/>
      <c r="V72" s="59"/>
      <c r="W72" s="60"/>
      <c r="X72" s="60"/>
      <c r="Y72" s="60"/>
      <c r="Z72" s="135"/>
      <c r="AA72" s="27"/>
      <c r="AB72" s="27"/>
      <c r="AC72" s="27"/>
      <c r="AD72" s="28"/>
      <c r="AE72" s="29"/>
      <c r="AF72" s="29"/>
      <c r="AG72" s="29"/>
      <c r="AH72" s="27"/>
      <c r="AI72" s="27"/>
      <c r="AJ72" s="27"/>
      <c r="AK72" s="27"/>
      <c r="AL72" s="28"/>
      <c r="AM72" s="29"/>
      <c r="AN72" s="29"/>
      <c r="AO72" s="30"/>
    </row>
    <row r="73" spans="1:41" s="46" customFormat="1" ht="9.75" customHeight="1">
      <c r="A73" s="57"/>
      <c r="B73" s="131"/>
      <c r="C73" s="33"/>
      <c r="D73" s="34"/>
      <c r="E73" s="175" t="s">
        <v>21</v>
      </c>
      <c r="F73" s="189" t="s">
        <v>854</v>
      </c>
      <c r="G73" s="48"/>
      <c r="H73" s="50"/>
      <c r="I73" s="48"/>
      <c r="J73" s="50"/>
      <c r="K73" s="128"/>
      <c r="L73" s="48"/>
      <c r="M73" s="129"/>
      <c r="N73" s="51"/>
      <c r="O73" s="52"/>
      <c r="P73" s="52"/>
      <c r="Q73" s="76"/>
      <c r="R73" s="48"/>
      <c r="S73" s="52"/>
      <c r="T73" s="130"/>
      <c r="U73" s="52"/>
      <c r="V73" s="50"/>
      <c r="W73" s="51"/>
      <c r="X73" s="51"/>
      <c r="Y73" s="51"/>
      <c r="Z73" s="122" t="s">
        <v>3</v>
      </c>
      <c r="AA73" s="55"/>
      <c r="AB73" s="55"/>
      <c r="AC73" s="55"/>
      <c r="AD73" s="56"/>
      <c r="AE73" s="19"/>
      <c r="AF73" s="19"/>
      <c r="AG73" s="19"/>
      <c r="AH73" s="55"/>
      <c r="AI73" s="55"/>
      <c r="AJ73" s="55"/>
      <c r="AK73" s="55"/>
      <c r="AL73" s="56"/>
      <c r="AM73" s="19"/>
      <c r="AN73" s="19"/>
      <c r="AO73" s="26"/>
    </row>
    <row r="74" spans="1:41" s="46" customFormat="1" ht="9.75" customHeight="1">
      <c r="A74" s="57"/>
      <c r="B74" s="131"/>
      <c r="C74" s="33"/>
      <c r="D74" s="141"/>
      <c r="E74" s="176"/>
      <c r="F74" s="190"/>
      <c r="G74" s="33"/>
      <c r="H74" s="59" t="s">
        <v>849</v>
      </c>
      <c r="I74" s="33"/>
      <c r="J74" s="59" t="s">
        <v>850</v>
      </c>
      <c r="K74" s="132" t="s">
        <v>30</v>
      </c>
      <c r="L74" s="33"/>
      <c r="M74" s="133" t="s">
        <v>30</v>
      </c>
      <c r="N74" s="60" t="s">
        <v>851</v>
      </c>
      <c r="O74" s="61"/>
      <c r="P74" s="61"/>
      <c r="Q74" s="34"/>
      <c r="R74" s="33"/>
      <c r="S74" s="61"/>
      <c r="T74" s="134" t="s">
        <v>852</v>
      </c>
      <c r="U74" s="61"/>
      <c r="V74" s="59" t="s">
        <v>30</v>
      </c>
      <c r="W74" s="60" t="s">
        <v>30</v>
      </c>
      <c r="X74" s="60" t="s">
        <v>30</v>
      </c>
      <c r="Y74" s="60" t="s">
        <v>853</v>
      </c>
      <c r="Z74" s="135"/>
      <c r="AA74" s="27"/>
      <c r="AB74" s="27"/>
      <c r="AC74" s="27"/>
      <c r="AD74" s="28"/>
      <c r="AE74" s="29"/>
      <c r="AF74" s="29"/>
      <c r="AG74" s="29"/>
      <c r="AH74" s="27"/>
      <c r="AI74" s="27"/>
      <c r="AJ74" s="27"/>
      <c r="AK74" s="27"/>
      <c r="AL74" s="28"/>
      <c r="AM74" s="29"/>
      <c r="AN74" s="29"/>
      <c r="AO74" s="30"/>
    </row>
    <row r="75" spans="1:41" s="46" customFormat="1" ht="9.75" customHeight="1">
      <c r="A75" s="57"/>
      <c r="B75" s="131"/>
      <c r="C75" s="33"/>
      <c r="D75" s="141"/>
      <c r="E75" s="176"/>
      <c r="F75" s="190"/>
      <c r="G75" s="33"/>
      <c r="H75" s="59"/>
      <c r="I75" s="33"/>
      <c r="J75" s="59"/>
      <c r="K75" s="132"/>
      <c r="L75" s="33"/>
      <c r="M75" s="133"/>
      <c r="N75" s="60"/>
      <c r="O75" s="61"/>
      <c r="P75" s="61"/>
      <c r="Q75" s="34"/>
      <c r="R75" s="33"/>
      <c r="S75" s="61"/>
      <c r="T75" s="134"/>
      <c r="U75" s="61"/>
      <c r="V75" s="59"/>
      <c r="W75" s="60"/>
      <c r="X75" s="60"/>
      <c r="Y75" s="60"/>
      <c r="Z75" s="135"/>
      <c r="AA75" s="27"/>
      <c r="AB75" s="27"/>
      <c r="AC75" s="27"/>
      <c r="AD75" s="28"/>
      <c r="AE75" s="29"/>
      <c r="AF75" s="29"/>
      <c r="AG75" s="29"/>
      <c r="AH75" s="27"/>
      <c r="AI75" s="27"/>
      <c r="AJ75" s="27"/>
      <c r="AK75" s="27"/>
      <c r="AL75" s="28"/>
      <c r="AM75" s="29"/>
      <c r="AN75" s="29"/>
      <c r="AO75" s="30"/>
    </row>
    <row r="76" spans="1:41" s="46" customFormat="1" ht="9.75" customHeight="1">
      <c r="A76" s="57"/>
      <c r="B76" s="131"/>
      <c r="C76" s="33"/>
      <c r="D76" s="131"/>
      <c r="E76" s="33"/>
      <c r="F76" s="34"/>
      <c r="G76" s="33"/>
      <c r="H76" s="59"/>
      <c r="I76" s="33"/>
      <c r="J76" s="59"/>
      <c r="K76" s="132"/>
      <c r="L76" s="33"/>
      <c r="M76" s="133"/>
      <c r="N76" s="60"/>
      <c r="O76" s="61"/>
      <c r="P76" s="185" t="s">
        <v>174</v>
      </c>
      <c r="Q76" s="178" t="s">
        <v>175</v>
      </c>
      <c r="R76" s="48"/>
      <c r="S76" s="52"/>
      <c r="T76" s="130"/>
      <c r="U76" s="52"/>
      <c r="V76" s="50"/>
      <c r="W76" s="51"/>
      <c r="X76" s="51"/>
      <c r="Y76" s="51"/>
      <c r="Z76" s="122" t="s">
        <v>3</v>
      </c>
      <c r="AA76" s="55"/>
      <c r="AB76" s="55"/>
      <c r="AC76" s="55"/>
      <c r="AD76" s="56"/>
      <c r="AE76" s="19"/>
      <c r="AF76" s="19"/>
      <c r="AG76" s="19"/>
      <c r="AH76" s="55"/>
      <c r="AI76" s="55"/>
      <c r="AJ76" s="55"/>
      <c r="AK76" s="55"/>
      <c r="AL76" s="56"/>
      <c r="AM76" s="19"/>
      <c r="AN76" s="19"/>
      <c r="AO76" s="26"/>
    </row>
    <row r="77" spans="1:41" s="46" customFormat="1" ht="9.75" customHeight="1">
      <c r="A77" s="57"/>
      <c r="B77" s="131"/>
      <c r="C77" s="33"/>
      <c r="D77" s="131"/>
      <c r="E77" s="33"/>
      <c r="F77" s="34"/>
      <c r="G77" s="33"/>
      <c r="H77" s="59"/>
      <c r="I77" s="33"/>
      <c r="J77" s="59"/>
      <c r="K77" s="132"/>
      <c r="L77" s="33"/>
      <c r="M77" s="133"/>
      <c r="N77" s="60"/>
      <c r="O77" s="61"/>
      <c r="P77" s="186"/>
      <c r="Q77" s="179"/>
      <c r="R77" s="33"/>
      <c r="S77" s="61" t="s">
        <v>851</v>
      </c>
      <c r="T77" s="134" t="s">
        <v>852</v>
      </c>
      <c r="U77" s="61"/>
      <c r="V77" s="59" t="s">
        <v>30</v>
      </c>
      <c r="W77" s="60" t="s">
        <v>30</v>
      </c>
      <c r="X77" s="60" t="s">
        <v>30</v>
      </c>
      <c r="Y77" s="60" t="s">
        <v>853</v>
      </c>
      <c r="Z77" s="135"/>
      <c r="AA77" s="27"/>
      <c r="AB77" s="27"/>
      <c r="AC77" s="27"/>
      <c r="AD77" s="28"/>
      <c r="AE77" s="29"/>
      <c r="AF77" s="29"/>
      <c r="AG77" s="29"/>
      <c r="AH77" s="27"/>
      <c r="AI77" s="27"/>
      <c r="AJ77" s="27"/>
      <c r="AK77" s="27"/>
      <c r="AL77" s="28"/>
      <c r="AM77" s="29"/>
      <c r="AN77" s="29"/>
      <c r="AO77" s="30"/>
    </row>
    <row r="78" spans="1:41" s="46" customFormat="1" ht="9.75" customHeight="1">
      <c r="A78" s="57"/>
      <c r="B78" s="131"/>
      <c r="C78" s="64"/>
      <c r="D78" s="136"/>
      <c r="E78" s="64"/>
      <c r="F78" s="77"/>
      <c r="G78" s="64"/>
      <c r="H78" s="66"/>
      <c r="I78" s="64"/>
      <c r="J78" s="66"/>
      <c r="K78" s="137"/>
      <c r="L78" s="64"/>
      <c r="M78" s="138"/>
      <c r="N78" s="67"/>
      <c r="O78" s="68"/>
      <c r="P78" s="187"/>
      <c r="Q78" s="180"/>
      <c r="R78" s="64"/>
      <c r="S78" s="68"/>
      <c r="T78" s="139"/>
      <c r="U78" s="68"/>
      <c r="V78" s="66"/>
      <c r="W78" s="67"/>
      <c r="X78" s="67"/>
      <c r="Y78" s="67"/>
      <c r="Z78" s="140"/>
      <c r="AA78" s="71"/>
      <c r="AB78" s="71"/>
      <c r="AC78" s="71"/>
      <c r="AD78" s="72"/>
      <c r="AE78" s="73"/>
      <c r="AF78" s="73"/>
      <c r="AG78" s="73"/>
      <c r="AH78" s="71"/>
      <c r="AI78" s="71"/>
      <c r="AJ78" s="71"/>
      <c r="AK78" s="71"/>
      <c r="AL78" s="72"/>
      <c r="AM78" s="73"/>
      <c r="AN78" s="73"/>
      <c r="AO78" s="74"/>
    </row>
    <row r="79" spans="1:41" s="46" customFormat="1" ht="9.75" customHeight="1">
      <c r="A79" s="57"/>
      <c r="B79" s="34"/>
      <c r="C79" s="175" t="s">
        <v>57</v>
      </c>
      <c r="D79" s="178" t="s">
        <v>335</v>
      </c>
      <c r="E79" s="48"/>
      <c r="F79" s="49"/>
      <c r="G79" s="48"/>
      <c r="H79" s="50"/>
      <c r="I79" s="48"/>
      <c r="J79" s="50"/>
      <c r="K79" s="128"/>
      <c r="L79" s="48"/>
      <c r="M79" s="129"/>
      <c r="N79" s="51"/>
      <c r="O79" s="52"/>
      <c r="P79" s="52"/>
      <c r="Q79" s="76"/>
      <c r="R79" s="48"/>
      <c r="S79" s="52"/>
      <c r="T79" s="130"/>
      <c r="U79" s="52"/>
      <c r="V79" s="50"/>
      <c r="W79" s="51"/>
      <c r="X79" s="51"/>
      <c r="Y79" s="51"/>
      <c r="Z79" s="122" t="s">
        <v>3</v>
      </c>
      <c r="AA79" s="55"/>
      <c r="AB79" s="55"/>
      <c r="AC79" s="55"/>
      <c r="AD79" s="56"/>
      <c r="AE79" s="19"/>
      <c r="AF79" s="19"/>
      <c r="AG79" s="19"/>
      <c r="AH79" s="55"/>
      <c r="AI79" s="55"/>
      <c r="AJ79" s="55"/>
      <c r="AK79" s="55"/>
      <c r="AL79" s="56"/>
      <c r="AM79" s="19"/>
      <c r="AN79" s="19"/>
      <c r="AO79" s="26"/>
    </row>
    <row r="80" spans="1:41" s="46" customFormat="1" ht="9.75" customHeight="1">
      <c r="A80" s="57"/>
      <c r="B80" s="141"/>
      <c r="C80" s="176"/>
      <c r="D80" s="179"/>
      <c r="E80" s="33"/>
      <c r="F80" s="34"/>
      <c r="G80" s="33"/>
      <c r="H80" s="59" t="s">
        <v>634</v>
      </c>
      <c r="I80" s="33"/>
      <c r="J80" s="59" t="s">
        <v>855</v>
      </c>
      <c r="K80" s="132" t="s">
        <v>30</v>
      </c>
      <c r="L80" s="33"/>
      <c r="M80" s="133" t="s">
        <v>30</v>
      </c>
      <c r="N80" s="60" t="s">
        <v>856</v>
      </c>
      <c r="O80" s="61"/>
      <c r="P80" s="61"/>
      <c r="Q80" s="58"/>
      <c r="R80" s="33"/>
      <c r="S80" s="61"/>
      <c r="T80" s="134" t="s">
        <v>30</v>
      </c>
      <c r="U80" s="61"/>
      <c r="V80" s="59" t="s">
        <v>30</v>
      </c>
      <c r="W80" s="60" t="s">
        <v>30</v>
      </c>
      <c r="X80" s="60" t="s">
        <v>30</v>
      </c>
      <c r="Y80" s="60" t="s">
        <v>856</v>
      </c>
      <c r="Z80" s="135"/>
      <c r="AA80" s="27"/>
      <c r="AB80" s="27"/>
      <c r="AC80" s="27"/>
      <c r="AD80" s="28"/>
      <c r="AE80" s="29"/>
      <c r="AF80" s="29"/>
      <c r="AG80" s="29"/>
      <c r="AH80" s="27"/>
      <c r="AI80" s="27"/>
      <c r="AJ80" s="27"/>
      <c r="AK80" s="27"/>
      <c r="AL80" s="28"/>
      <c r="AM80" s="29"/>
      <c r="AN80" s="29"/>
      <c r="AO80" s="30"/>
    </row>
    <row r="81" spans="1:43" s="46" customFormat="1" ht="9.75" customHeight="1">
      <c r="A81" s="57"/>
      <c r="B81" s="141"/>
      <c r="C81" s="176"/>
      <c r="D81" s="179"/>
      <c r="E81" s="33"/>
      <c r="F81" s="34"/>
      <c r="G81" s="33"/>
      <c r="H81" s="59"/>
      <c r="I81" s="33"/>
      <c r="J81" s="59"/>
      <c r="K81" s="132"/>
      <c r="L81" s="33"/>
      <c r="M81" s="133"/>
      <c r="N81" s="60"/>
      <c r="O81" s="61"/>
      <c r="P81" s="61"/>
      <c r="Q81" s="58"/>
      <c r="R81" s="33"/>
      <c r="S81" s="61"/>
      <c r="T81" s="134"/>
      <c r="U81" s="61"/>
      <c r="V81" s="59"/>
      <c r="W81" s="60"/>
      <c r="X81" s="60"/>
      <c r="Y81" s="60"/>
      <c r="Z81" s="135"/>
      <c r="AA81" s="27"/>
      <c r="AB81" s="27"/>
      <c r="AC81" s="27"/>
      <c r="AD81" s="28"/>
      <c r="AE81" s="29"/>
      <c r="AF81" s="29"/>
      <c r="AG81" s="29"/>
      <c r="AH81" s="27"/>
      <c r="AI81" s="27"/>
      <c r="AJ81" s="27"/>
      <c r="AK81" s="27"/>
      <c r="AL81" s="28"/>
      <c r="AM81" s="29"/>
      <c r="AN81" s="29"/>
      <c r="AO81" s="30"/>
    </row>
    <row r="82" spans="1:43" s="46" customFormat="1" ht="9.75" customHeight="1">
      <c r="A82" s="57"/>
      <c r="B82" s="131"/>
      <c r="C82" s="33"/>
      <c r="D82" s="34"/>
      <c r="E82" s="175" t="s">
        <v>21</v>
      </c>
      <c r="F82" s="178" t="s">
        <v>335</v>
      </c>
      <c r="G82" s="48"/>
      <c r="H82" s="50"/>
      <c r="I82" s="48"/>
      <c r="J82" s="50"/>
      <c r="K82" s="128"/>
      <c r="L82" s="48"/>
      <c r="M82" s="129"/>
      <c r="N82" s="51"/>
      <c r="O82" s="52"/>
      <c r="P82" s="52"/>
      <c r="Q82" s="76"/>
      <c r="R82" s="48"/>
      <c r="S82" s="52"/>
      <c r="T82" s="130"/>
      <c r="U82" s="52"/>
      <c r="V82" s="50"/>
      <c r="W82" s="51"/>
      <c r="X82" s="51"/>
      <c r="Y82" s="51"/>
      <c r="Z82" s="122" t="s">
        <v>3</v>
      </c>
      <c r="AA82" s="55"/>
      <c r="AB82" s="55"/>
      <c r="AC82" s="55"/>
      <c r="AD82" s="56"/>
      <c r="AE82" s="19"/>
      <c r="AF82" s="19"/>
      <c r="AG82" s="19"/>
      <c r="AH82" s="55"/>
      <c r="AI82" s="55"/>
      <c r="AJ82" s="55"/>
      <c r="AK82" s="55"/>
      <c r="AL82" s="56"/>
      <c r="AM82" s="19"/>
      <c r="AN82" s="19"/>
      <c r="AO82" s="26"/>
    </row>
    <row r="83" spans="1:43" s="46" customFormat="1" ht="9.75" customHeight="1">
      <c r="A83" s="57"/>
      <c r="B83" s="131"/>
      <c r="C83" s="33"/>
      <c r="D83" s="141"/>
      <c r="E83" s="176"/>
      <c r="F83" s="179"/>
      <c r="G83" s="33"/>
      <c r="H83" s="59" t="s">
        <v>634</v>
      </c>
      <c r="I83" s="33"/>
      <c r="J83" s="59" t="s">
        <v>855</v>
      </c>
      <c r="K83" s="132" t="s">
        <v>30</v>
      </c>
      <c r="L83" s="33"/>
      <c r="M83" s="133" t="s">
        <v>30</v>
      </c>
      <c r="N83" s="60" t="s">
        <v>856</v>
      </c>
      <c r="O83" s="61"/>
      <c r="P83" s="61"/>
      <c r="Q83" s="34"/>
      <c r="R83" s="33"/>
      <c r="S83" s="61"/>
      <c r="T83" s="134" t="s">
        <v>30</v>
      </c>
      <c r="U83" s="61"/>
      <c r="V83" s="59" t="s">
        <v>30</v>
      </c>
      <c r="W83" s="60" t="s">
        <v>30</v>
      </c>
      <c r="X83" s="60" t="s">
        <v>30</v>
      </c>
      <c r="Y83" s="60" t="s">
        <v>856</v>
      </c>
      <c r="Z83" s="135"/>
      <c r="AA83" s="27"/>
      <c r="AB83" s="27"/>
      <c r="AC83" s="27"/>
      <c r="AD83" s="28"/>
      <c r="AE83" s="29"/>
      <c r="AF83" s="29"/>
      <c r="AG83" s="29"/>
      <c r="AH83" s="27"/>
      <c r="AI83" s="27"/>
      <c r="AJ83" s="27"/>
      <c r="AK83" s="27"/>
      <c r="AL83" s="28"/>
      <c r="AM83" s="29"/>
      <c r="AN83" s="29"/>
      <c r="AO83" s="30"/>
    </row>
    <row r="84" spans="1:43" s="46" customFormat="1" ht="9.75" customHeight="1">
      <c r="A84" s="93"/>
      <c r="B84" s="150"/>
      <c r="C84" s="95"/>
      <c r="D84" s="170"/>
      <c r="E84" s="263"/>
      <c r="F84" s="261"/>
      <c r="G84" s="95"/>
      <c r="H84" s="96"/>
      <c r="I84" s="95"/>
      <c r="J84" s="96"/>
      <c r="K84" s="151"/>
      <c r="L84" s="95"/>
      <c r="M84" s="152"/>
      <c r="N84" s="97"/>
      <c r="O84" s="98"/>
      <c r="P84" s="98"/>
      <c r="Q84" s="169"/>
      <c r="R84" s="95"/>
      <c r="S84" s="98"/>
      <c r="T84" s="153"/>
      <c r="U84" s="98"/>
      <c r="V84" s="96"/>
      <c r="W84" s="97"/>
      <c r="X84" s="97"/>
      <c r="Y84" s="97"/>
      <c r="Z84" s="162"/>
      <c r="AA84" s="163"/>
      <c r="AB84" s="163"/>
      <c r="AC84" s="163"/>
      <c r="AD84" s="164"/>
      <c r="AE84" s="165"/>
      <c r="AF84" s="165"/>
      <c r="AG84" s="165"/>
      <c r="AH84" s="163"/>
      <c r="AI84" s="163"/>
      <c r="AJ84" s="163"/>
      <c r="AK84" s="163"/>
      <c r="AL84" s="164"/>
      <c r="AM84" s="165"/>
      <c r="AN84" s="165"/>
      <c r="AO84" s="166"/>
    </row>
    <row r="85" spans="1:43" ht="9.75" customHeight="1">
      <c r="Z85" s="32"/>
      <c r="AA85" s="32"/>
      <c r="AB85" s="32"/>
      <c r="AC85" s="32"/>
      <c r="AD85" s="32"/>
      <c r="AE85" s="32"/>
      <c r="AF85" s="32"/>
      <c r="AG85" s="32"/>
      <c r="AH85" s="32"/>
      <c r="AI85" s="32"/>
      <c r="AJ85" s="32"/>
      <c r="AK85" s="32"/>
      <c r="AL85" s="32"/>
      <c r="AM85" s="32"/>
      <c r="AN85" s="32"/>
      <c r="AO85" s="32"/>
    </row>
    <row r="88" spans="1:43" s="3" customFormat="1" ht="3.75" customHeight="1">
      <c r="A88" s="116"/>
      <c r="B88" s="116"/>
      <c r="C88" s="116"/>
      <c r="D88" s="116"/>
      <c r="E88" s="116"/>
      <c r="F88" s="116"/>
      <c r="G88" s="116"/>
      <c r="H88" s="116"/>
      <c r="I88" s="116"/>
      <c r="J88" s="116"/>
      <c r="K88" s="116"/>
      <c r="L88" s="116"/>
      <c r="M88" s="116"/>
      <c r="N88" s="116"/>
      <c r="O88" s="116"/>
      <c r="P88" s="116"/>
      <c r="Q88" s="116"/>
      <c r="R88" s="116"/>
      <c r="S88" s="116"/>
      <c r="T88" s="116"/>
      <c r="U88" s="116"/>
      <c r="V88" s="116"/>
      <c r="W88" s="116"/>
      <c r="X88" s="116"/>
      <c r="Y88" s="116"/>
      <c r="Z88" s="116"/>
      <c r="AA88" s="116"/>
      <c r="AB88" s="116"/>
      <c r="AC88" s="116"/>
      <c r="AD88" s="116"/>
      <c r="AE88" s="116"/>
      <c r="AF88" s="116"/>
      <c r="AG88" s="116"/>
      <c r="AH88" s="116"/>
      <c r="AI88" s="116"/>
      <c r="AJ88" s="116"/>
      <c r="AK88" s="116"/>
      <c r="AL88" s="116"/>
      <c r="AM88" s="116"/>
      <c r="AN88" s="116"/>
      <c r="AO88" s="116"/>
      <c r="AP88" s="116"/>
      <c r="AQ88" s="116"/>
    </row>
    <row r="89" spans="1:43" s="3" customFormat="1" ht="11.25" customHeight="1">
      <c r="A89" s="4"/>
      <c r="B89" s="4"/>
      <c r="C89" s="4"/>
      <c r="D89" s="4"/>
      <c r="E89" s="4"/>
      <c r="F89" s="4"/>
      <c r="G89" s="4"/>
      <c r="H89" s="4"/>
      <c r="I89" s="4"/>
      <c r="J89" s="4"/>
      <c r="K89" s="4"/>
      <c r="L89" s="4"/>
      <c r="M89" s="4"/>
      <c r="N89" s="4"/>
      <c r="O89" s="4"/>
      <c r="P89" s="4"/>
      <c r="Q89" s="4"/>
      <c r="R89" s="4"/>
      <c r="S89" s="4"/>
      <c r="T89" s="4"/>
      <c r="U89" s="4"/>
      <c r="V89" s="4"/>
      <c r="W89" s="4"/>
      <c r="X89" s="4"/>
      <c r="Y89" s="4"/>
      <c r="Z89" s="4"/>
      <c r="AA89" s="4"/>
      <c r="AB89" s="4"/>
      <c r="AC89" s="4"/>
      <c r="AD89" s="4"/>
      <c r="AE89" s="4"/>
      <c r="AF89" s="4"/>
      <c r="AG89" s="4"/>
      <c r="AH89" s="4"/>
      <c r="AI89" s="4"/>
      <c r="AJ89" s="4"/>
      <c r="AK89" s="4"/>
      <c r="AL89" s="4"/>
      <c r="AM89" s="4"/>
      <c r="AN89" s="4"/>
      <c r="AO89" s="4"/>
      <c r="AP89" s="4"/>
      <c r="AQ89" s="4"/>
    </row>
    <row r="90" spans="1:43" s="3" customFormat="1" ht="26.25" customHeight="1">
      <c r="A90" s="117"/>
      <c r="B90" s="6" t="s">
        <v>68</v>
      </c>
      <c r="C90" s="118"/>
      <c r="D90" s="119" t="s">
        <v>793</v>
      </c>
      <c r="E90" s="6"/>
      <c r="F90" s="6"/>
      <c r="G90" s="6"/>
      <c r="H90" s="6"/>
      <c r="I90" s="6"/>
      <c r="J90" s="6"/>
      <c r="K90" s="6"/>
      <c r="L90" s="6"/>
      <c r="M90" s="6"/>
      <c r="N90" s="6"/>
      <c r="O90" s="6"/>
      <c r="P90" s="6"/>
      <c r="Q90" s="6"/>
      <c r="R90" s="6"/>
      <c r="S90" s="6"/>
      <c r="T90" s="4"/>
      <c r="U90" s="4"/>
      <c r="V90" s="4"/>
      <c r="W90" s="4"/>
      <c r="X90" s="4"/>
      <c r="Y90" s="4"/>
      <c r="Z90" s="4"/>
      <c r="AA90" s="4"/>
      <c r="AB90" s="4"/>
      <c r="AC90" s="4"/>
      <c r="AD90" s="4"/>
      <c r="AE90" s="4"/>
      <c r="AF90" s="4"/>
      <c r="AG90" s="4"/>
      <c r="AH90" s="4"/>
      <c r="AI90" s="4"/>
      <c r="AJ90" s="4"/>
      <c r="AK90" s="4"/>
      <c r="AL90" s="4"/>
      <c r="AM90" s="4"/>
      <c r="AN90" s="4"/>
      <c r="AO90" s="120" t="s">
        <v>3</v>
      </c>
      <c r="AP90" s="4"/>
      <c r="AQ90" s="4"/>
    </row>
    <row r="91" spans="1:43" ht="14.25" customHeight="1">
      <c r="A91" s="223" t="s">
        <v>4</v>
      </c>
      <c r="B91" s="224"/>
      <c r="C91" s="195" t="s">
        <v>5</v>
      </c>
      <c r="D91" s="224"/>
      <c r="E91" s="195" t="s">
        <v>6</v>
      </c>
      <c r="F91" s="224"/>
      <c r="G91" s="227" t="s">
        <v>7</v>
      </c>
      <c r="H91" s="228"/>
      <c r="I91" s="228"/>
      <c r="J91" s="228"/>
      <c r="K91" s="228"/>
      <c r="L91" s="228"/>
      <c r="M91" s="228"/>
      <c r="N91" s="228"/>
      <c r="O91" s="228"/>
      <c r="P91" s="228"/>
      <c r="Q91" s="228"/>
      <c r="R91" s="228"/>
      <c r="S91" s="228"/>
      <c r="T91" s="251" t="s">
        <v>70</v>
      </c>
      <c r="U91" s="228" t="s">
        <v>71</v>
      </c>
      <c r="V91" s="228"/>
      <c r="W91" s="228"/>
      <c r="X91" s="229"/>
      <c r="Y91" s="236" t="s">
        <v>72</v>
      </c>
      <c r="Z91" s="195" t="s">
        <v>12</v>
      </c>
      <c r="AA91" s="196"/>
      <c r="AB91" s="196"/>
      <c r="AC91" s="196"/>
      <c r="AD91" s="196"/>
      <c r="AE91" s="196"/>
      <c r="AF91" s="196"/>
      <c r="AG91" s="196"/>
      <c r="AH91" s="196"/>
      <c r="AI91" s="196"/>
      <c r="AJ91" s="196"/>
      <c r="AK91" s="196"/>
      <c r="AL91" s="196"/>
      <c r="AM91" s="196"/>
      <c r="AN91" s="196"/>
      <c r="AO91" s="197"/>
      <c r="AP91" s="12"/>
      <c r="AQ91" s="12"/>
    </row>
    <row r="92" spans="1:43" ht="14.25" customHeight="1">
      <c r="A92" s="225"/>
      <c r="B92" s="184"/>
      <c r="C92" s="198"/>
      <c r="D92" s="184"/>
      <c r="E92" s="198"/>
      <c r="F92" s="184"/>
      <c r="G92" s="237" t="s">
        <v>13</v>
      </c>
      <c r="H92" s="204"/>
      <c r="I92" s="237" t="s">
        <v>14</v>
      </c>
      <c r="J92" s="204"/>
      <c r="K92" s="206" t="s">
        <v>73</v>
      </c>
      <c r="L92" s="240" t="s">
        <v>74</v>
      </c>
      <c r="M92" s="241"/>
      <c r="N92" s="209" t="s">
        <v>16</v>
      </c>
      <c r="O92" s="14"/>
      <c r="P92" s="212" t="s">
        <v>17</v>
      </c>
      <c r="Q92" s="212"/>
      <c r="R92" s="212"/>
      <c r="S92" s="212"/>
      <c r="T92" s="252"/>
      <c r="U92" s="246" t="s">
        <v>75</v>
      </c>
      <c r="V92" s="178"/>
      <c r="W92" s="209" t="s">
        <v>76</v>
      </c>
      <c r="X92" s="209" t="s">
        <v>77</v>
      </c>
      <c r="Y92" s="210"/>
      <c r="Z92" s="198"/>
      <c r="AA92" s="183"/>
      <c r="AB92" s="183"/>
      <c r="AC92" s="183"/>
      <c r="AD92" s="183"/>
      <c r="AE92" s="183"/>
      <c r="AF92" s="183"/>
      <c r="AG92" s="183"/>
      <c r="AH92" s="183"/>
      <c r="AI92" s="183"/>
      <c r="AJ92" s="183"/>
      <c r="AK92" s="183"/>
      <c r="AL92" s="183"/>
      <c r="AM92" s="183"/>
      <c r="AN92" s="183"/>
      <c r="AO92" s="199"/>
      <c r="AP92" s="12"/>
      <c r="AQ92" s="12"/>
    </row>
    <row r="93" spans="1:43" ht="4.5" customHeight="1">
      <c r="A93" s="225"/>
      <c r="B93" s="184"/>
      <c r="C93" s="198"/>
      <c r="D93" s="184"/>
      <c r="E93" s="198"/>
      <c r="F93" s="184"/>
      <c r="G93" s="198"/>
      <c r="H93" s="184"/>
      <c r="I93" s="198"/>
      <c r="J93" s="184"/>
      <c r="K93" s="238"/>
      <c r="L93" s="242"/>
      <c r="M93" s="243"/>
      <c r="N93" s="210"/>
      <c r="O93" s="15"/>
      <c r="P93" s="214" t="s">
        <v>18</v>
      </c>
      <c r="Q93" s="204"/>
      <c r="R93" s="203" t="s">
        <v>19</v>
      </c>
      <c r="S93" s="214"/>
      <c r="T93" s="252"/>
      <c r="U93" s="247"/>
      <c r="V93" s="248"/>
      <c r="W93" s="210"/>
      <c r="X93" s="210"/>
      <c r="Y93" s="210"/>
      <c r="Z93" s="198"/>
      <c r="AA93" s="183"/>
      <c r="AB93" s="183"/>
      <c r="AC93" s="183"/>
      <c r="AD93" s="183"/>
      <c r="AE93" s="183"/>
      <c r="AF93" s="183"/>
      <c r="AG93" s="183"/>
      <c r="AH93" s="183"/>
      <c r="AI93" s="183"/>
      <c r="AJ93" s="183"/>
      <c r="AK93" s="183"/>
      <c r="AL93" s="183"/>
      <c r="AM93" s="183"/>
      <c r="AN93" s="183"/>
      <c r="AO93" s="199"/>
      <c r="AP93" s="12"/>
      <c r="AQ93" s="12"/>
    </row>
    <row r="94" spans="1:43" ht="9" customHeight="1">
      <c r="A94" s="226"/>
      <c r="B94" s="205"/>
      <c r="C94" s="200"/>
      <c r="D94" s="205"/>
      <c r="E94" s="200"/>
      <c r="F94" s="205"/>
      <c r="G94" s="200"/>
      <c r="H94" s="205"/>
      <c r="I94" s="200"/>
      <c r="J94" s="205"/>
      <c r="K94" s="239"/>
      <c r="L94" s="244"/>
      <c r="M94" s="245"/>
      <c r="N94" s="211"/>
      <c r="O94" s="16"/>
      <c r="P94" s="201"/>
      <c r="Q94" s="205"/>
      <c r="R94" s="200"/>
      <c r="S94" s="201"/>
      <c r="T94" s="253"/>
      <c r="U94" s="249"/>
      <c r="V94" s="250"/>
      <c r="W94" s="211"/>
      <c r="X94" s="211"/>
      <c r="Y94" s="211"/>
      <c r="Z94" s="200"/>
      <c r="AA94" s="201"/>
      <c r="AB94" s="201"/>
      <c r="AC94" s="201"/>
      <c r="AD94" s="201"/>
      <c r="AE94" s="201"/>
      <c r="AF94" s="201"/>
      <c r="AG94" s="201"/>
      <c r="AH94" s="201"/>
      <c r="AI94" s="201"/>
      <c r="AJ94" s="201"/>
      <c r="AK94" s="201"/>
      <c r="AL94" s="201"/>
      <c r="AM94" s="201"/>
      <c r="AN94" s="201"/>
      <c r="AO94" s="202"/>
      <c r="AP94" s="12"/>
      <c r="AQ94" s="12"/>
    </row>
    <row r="95" spans="1:43" s="32" customFormat="1" ht="9" customHeight="1">
      <c r="A95" s="17"/>
      <c r="B95" s="55"/>
      <c r="C95" s="19"/>
      <c r="D95" s="55"/>
      <c r="E95" s="19"/>
      <c r="F95" s="18"/>
      <c r="G95" s="20"/>
      <c r="H95" s="21" t="s">
        <v>20</v>
      </c>
      <c r="I95" s="20"/>
      <c r="J95" s="21" t="s">
        <v>20</v>
      </c>
      <c r="K95" s="22" t="s">
        <v>20</v>
      </c>
      <c r="L95" s="20"/>
      <c r="M95" s="21" t="s">
        <v>20</v>
      </c>
      <c r="N95" s="23" t="s">
        <v>20</v>
      </c>
      <c r="O95" s="29"/>
      <c r="P95" s="29"/>
      <c r="Q95" s="21"/>
      <c r="R95" s="20"/>
      <c r="S95" s="29" t="s">
        <v>20</v>
      </c>
      <c r="T95" s="121" t="s">
        <v>20</v>
      </c>
      <c r="U95" s="29"/>
      <c r="V95" s="21" t="s">
        <v>20</v>
      </c>
      <c r="W95" s="22" t="s">
        <v>20</v>
      </c>
      <c r="X95" s="22" t="s">
        <v>20</v>
      </c>
      <c r="Y95" s="22" t="s">
        <v>20</v>
      </c>
      <c r="Z95" s="122"/>
      <c r="AA95" s="27"/>
      <c r="AB95" s="27"/>
      <c r="AC95" s="27"/>
      <c r="AD95" s="28"/>
      <c r="AE95" s="29"/>
      <c r="AF95" s="29"/>
      <c r="AG95" s="29"/>
      <c r="AH95" s="27"/>
      <c r="AI95" s="27"/>
      <c r="AJ95" s="27"/>
      <c r="AK95" s="27"/>
      <c r="AL95" s="28"/>
      <c r="AM95" s="29"/>
      <c r="AN95" s="29"/>
      <c r="AO95" s="30"/>
      <c r="AP95" s="31"/>
      <c r="AQ95" s="31"/>
    </row>
    <row r="96" spans="1:43" s="46" customFormat="1" ht="9.75" customHeight="1">
      <c r="A96" s="57"/>
      <c r="B96" s="131"/>
      <c r="C96" s="61"/>
      <c r="D96" s="131"/>
      <c r="E96" s="61"/>
      <c r="F96" s="58"/>
      <c r="G96" s="35"/>
      <c r="H96" s="36"/>
      <c r="I96" s="35"/>
      <c r="J96" s="36"/>
      <c r="K96" s="124"/>
      <c r="L96" s="35"/>
      <c r="M96" s="125"/>
      <c r="N96" s="37"/>
      <c r="O96" s="38"/>
      <c r="P96" s="38"/>
      <c r="Q96" s="39"/>
      <c r="R96" s="35"/>
      <c r="S96" s="38"/>
      <c r="T96" s="126"/>
      <c r="U96" s="38"/>
      <c r="V96" s="36"/>
      <c r="W96" s="37"/>
      <c r="X96" s="37"/>
      <c r="Y96" s="37"/>
      <c r="Z96" s="127" t="s">
        <v>3</v>
      </c>
      <c r="AA96" s="42"/>
      <c r="AB96" s="42"/>
      <c r="AC96" s="42"/>
      <c r="AD96" s="43"/>
      <c r="AE96" s="44"/>
      <c r="AF96" s="44"/>
      <c r="AG96" s="44"/>
      <c r="AH96" s="42"/>
      <c r="AI96" s="42"/>
      <c r="AJ96" s="42"/>
      <c r="AK96" s="42"/>
      <c r="AL96" s="43"/>
      <c r="AM96" s="44"/>
      <c r="AN96" s="44"/>
      <c r="AO96" s="45"/>
    </row>
    <row r="97" spans="1:41" s="46" customFormat="1" ht="9.75" customHeight="1">
      <c r="A97" s="181" t="s">
        <v>129</v>
      </c>
      <c r="B97" s="182"/>
      <c r="C97" s="183"/>
      <c r="D97" s="183"/>
      <c r="E97" s="183"/>
      <c r="F97" s="184"/>
      <c r="G97" s="230" t="s">
        <v>718</v>
      </c>
      <c r="H97" s="231"/>
      <c r="I97" s="35"/>
      <c r="J97" s="36" t="s">
        <v>719</v>
      </c>
      <c r="K97" s="37" t="s">
        <v>30</v>
      </c>
      <c r="L97" s="35"/>
      <c r="M97" s="36" t="s">
        <v>30</v>
      </c>
      <c r="N97" s="124" t="s">
        <v>720</v>
      </c>
      <c r="O97" s="147"/>
      <c r="P97" s="38"/>
      <c r="Q97" s="39"/>
      <c r="R97" s="35"/>
      <c r="S97" s="38"/>
      <c r="T97" s="148" t="s">
        <v>795</v>
      </c>
      <c r="U97" s="38"/>
      <c r="V97" s="36" t="s">
        <v>30</v>
      </c>
      <c r="W97" s="37" t="s">
        <v>30</v>
      </c>
      <c r="X97" s="36" t="s">
        <v>30</v>
      </c>
      <c r="Y97" s="37" t="s">
        <v>796</v>
      </c>
      <c r="Z97" s="149"/>
      <c r="AA97" s="43"/>
      <c r="AB97" s="43"/>
      <c r="AC97" s="43"/>
      <c r="AD97" s="43"/>
      <c r="AE97" s="44"/>
      <c r="AF97" s="44"/>
      <c r="AG97" s="44"/>
      <c r="AH97" s="42"/>
      <c r="AI97" s="42"/>
      <c r="AJ97" s="42"/>
      <c r="AK97" s="42"/>
      <c r="AL97" s="43"/>
      <c r="AM97" s="43"/>
      <c r="AN97" s="43"/>
      <c r="AO97" s="45"/>
    </row>
    <row r="98" spans="1:41" s="46" customFormat="1" ht="9.75" customHeight="1">
      <c r="A98" s="93"/>
      <c r="B98" s="150"/>
      <c r="C98" s="98"/>
      <c r="D98" s="150"/>
      <c r="E98" s="98"/>
      <c r="F98" s="99"/>
      <c r="G98" s="95"/>
      <c r="H98" s="96"/>
      <c r="I98" s="95"/>
      <c r="J98" s="96"/>
      <c r="K98" s="151"/>
      <c r="L98" s="95"/>
      <c r="M98" s="152"/>
      <c r="N98" s="97"/>
      <c r="O98" s="98"/>
      <c r="P98" s="98"/>
      <c r="Q98" s="99"/>
      <c r="R98" s="95"/>
      <c r="S98" s="98"/>
      <c r="T98" s="153"/>
      <c r="U98" s="98"/>
      <c r="V98" s="96"/>
      <c r="W98" s="97"/>
      <c r="X98" s="97"/>
      <c r="Y98" s="97"/>
      <c r="Z98" s="154"/>
      <c r="AA98" s="102"/>
      <c r="AB98" s="102"/>
      <c r="AC98" s="102"/>
      <c r="AD98" s="103"/>
      <c r="AE98" s="104"/>
      <c r="AF98" s="104"/>
      <c r="AG98" s="104"/>
      <c r="AH98" s="102"/>
      <c r="AI98" s="102"/>
      <c r="AJ98" s="102"/>
      <c r="AK98" s="102"/>
      <c r="AL98" s="103"/>
      <c r="AM98" s="104"/>
      <c r="AN98" s="104"/>
      <c r="AO98" s="155"/>
    </row>
    <row r="99" spans="1:41" ht="9.75" customHeight="1">
      <c r="A99" s="105"/>
      <c r="B99" s="106"/>
      <c r="C99" s="106"/>
      <c r="D99" s="106"/>
      <c r="E99" s="106"/>
      <c r="F99" s="106"/>
      <c r="G99" s="106"/>
      <c r="H99" s="106"/>
      <c r="I99" s="106"/>
      <c r="J99" s="106"/>
      <c r="K99" s="106"/>
      <c r="L99" s="106"/>
      <c r="M99" s="106"/>
      <c r="N99" s="106"/>
      <c r="O99" s="106"/>
      <c r="P99" s="106"/>
      <c r="Q99" s="106"/>
      <c r="R99" s="106"/>
      <c r="S99" s="106"/>
      <c r="T99" s="106"/>
      <c r="U99" s="106"/>
      <c r="V99" s="106"/>
      <c r="W99" s="106"/>
      <c r="X99" s="106"/>
      <c r="Y99" s="106"/>
      <c r="Z99" s="107"/>
      <c r="AA99" s="107"/>
      <c r="AB99" s="107"/>
      <c r="AC99" s="107"/>
      <c r="AD99" s="107"/>
      <c r="AE99" s="107"/>
      <c r="AF99" s="107"/>
      <c r="AG99" s="107"/>
      <c r="AH99" s="107"/>
      <c r="AI99" s="107"/>
      <c r="AJ99" s="107"/>
      <c r="AK99" s="107"/>
      <c r="AL99" s="107"/>
      <c r="AM99" s="107"/>
      <c r="AN99" s="107"/>
      <c r="AO99" s="108"/>
    </row>
    <row r="100" spans="1:41" ht="9.75" customHeight="1">
      <c r="A100" s="109"/>
      <c r="B100" s="110"/>
      <c r="C100" s="110"/>
      <c r="D100" s="110"/>
      <c r="E100" s="110"/>
      <c r="F100" s="110"/>
      <c r="G100" s="110"/>
      <c r="H100" s="110"/>
      <c r="I100" s="110"/>
      <c r="J100" s="110"/>
      <c r="K100" s="110"/>
      <c r="L100" s="110"/>
      <c r="M100" s="110"/>
      <c r="N100" s="110"/>
      <c r="O100" s="110"/>
      <c r="P100" s="110"/>
      <c r="Q100" s="110"/>
      <c r="R100" s="110"/>
      <c r="S100" s="110"/>
      <c r="T100" s="110"/>
      <c r="U100" s="110"/>
      <c r="V100" s="110"/>
      <c r="W100" s="110"/>
      <c r="X100" s="110"/>
      <c r="Y100" s="110"/>
      <c r="Z100" s="110"/>
      <c r="AA100" s="110"/>
      <c r="AB100" s="110"/>
      <c r="AC100" s="110"/>
      <c r="AD100" s="110"/>
      <c r="AE100" s="110"/>
      <c r="AF100" s="110"/>
      <c r="AG100" s="110"/>
      <c r="AH100" s="110"/>
      <c r="AI100" s="110"/>
      <c r="AJ100" s="110"/>
      <c r="AK100" s="110"/>
      <c r="AL100" s="110"/>
      <c r="AM100" s="110"/>
      <c r="AN100" s="110"/>
      <c r="AO100" s="111"/>
    </row>
    <row r="101" spans="1:41" ht="9.75" customHeight="1">
      <c r="A101" s="109"/>
      <c r="B101" s="110"/>
      <c r="C101" s="110"/>
      <c r="D101" s="110"/>
      <c r="E101" s="110"/>
      <c r="F101" s="110"/>
      <c r="G101" s="110"/>
      <c r="H101" s="110"/>
      <c r="I101" s="110"/>
      <c r="J101" s="110"/>
      <c r="K101" s="110"/>
      <c r="L101" s="110"/>
      <c r="M101" s="110"/>
      <c r="N101" s="110"/>
      <c r="O101" s="110"/>
      <c r="P101" s="110"/>
      <c r="Q101" s="110"/>
      <c r="R101" s="110"/>
      <c r="S101" s="110"/>
      <c r="T101" s="110"/>
      <c r="U101" s="110"/>
      <c r="V101" s="110"/>
      <c r="W101" s="110"/>
      <c r="X101" s="110"/>
      <c r="Y101" s="110"/>
      <c r="Z101" s="110"/>
      <c r="AA101" s="110"/>
      <c r="AB101" s="110"/>
      <c r="AC101" s="110"/>
      <c r="AD101" s="110"/>
      <c r="AE101" s="110"/>
      <c r="AF101" s="110"/>
      <c r="AG101" s="110"/>
      <c r="AH101" s="110"/>
      <c r="AI101" s="110"/>
      <c r="AJ101" s="110"/>
      <c r="AK101" s="110"/>
      <c r="AL101" s="110"/>
      <c r="AM101" s="110"/>
      <c r="AN101" s="110"/>
      <c r="AO101" s="111"/>
    </row>
    <row r="102" spans="1:41" ht="9.75" customHeight="1">
      <c r="A102" s="109"/>
      <c r="B102" s="110"/>
      <c r="C102" s="110"/>
      <c r="D102" s="110"/>
      <c r="E102" s="110"/>
      <c r="F102" s="110"/>
      <c r="G102" s="110"/>
      <c r="H102" s="110"/>
      <c r="I102" s="110"/>
      <c r="J102" s="110"/>
      <c r="K102" s="110"/>
      <c r="L102" s="110"/>
      <c r="M102" s="110"/>
      <c r="N102" s="110"/>
      <c r="O102" s="110"/>
      <c r="P102" s="110"/>
      <c r="Q102" s="110"/>
      <c r="R102" s="110"/>
      <c r="S102" s="110"/>
      <c r="T102" s="110"/>
      <c r="U102" s="110"/>
      <c r="V102" s="110"/>
      <c r="W102" s="110"/>
      <c r="X102" s="110"/>
      <c r="Y102" s="110"/>
      <c r="Z102" s="110"/>
      <c r="AA102" s="110"/>
      <c r="AB102" s="110"/>
      <c r="AC102" s="110"/>
      <c r="AD102" s="110"/>
      <c r="AE102" s="110"/>
      <c r="AF102" s="110"/>
      <c r="AG102" s="110"/>
      <c r="AH102" s="110"/>
      <c r="AI102" s="110"/>
      <c r="AJ102" s="110"/>
      <c r="AK102" s="110"/>
      <c r="AL102" s="110"/>
      <c r="AM102" s="110"/>
      <c r="AN102" s="110"/>
      <c r="AO102" s="111"/>
    </row>
    <row r="103" spans="1:41" ht="9.75" customHeight="1">
      <c r="A103" s="109"/>
      <c r="B103" s="110"/>
      <c r="C103" s="110"/>
      <c r="D103" s="110"/>
      <c r="E103" s="110"/>
      <c r="F103" s="110"/>
      <c r="G103" s="110"/>
      <c r="H103" s="110"/>
      <c r="I103" s="110"/>
      <c r="J103" s="110"/>
      <c r="K103" s="110"/>
      <c r="L103" s="110"/>
      <c r="M103" s="110"/>
      <c r="N103" s="110"/>
      <c r="O103" s="110"/>
      <c r="P103" s="110"/>
      <c r="Q103" s="110"/>
      <c r="R103" s="110"/>
      <c r="S103" s="110"/>
      <c r="T103" s="110"/>
      <c r="U103" s="110"/>
      <c r="V103" s="110"/>
      <c r="W103" s="110"/>
      <c r="X103" s="110"/>
      <c r="Y103" s="110"/>
      <c r="Z103" s="110"/>
      <c r="AA103" s="110"/>
      <c r="AB103" s="110"/>
      <c r="AC103" s="110"/>
      <c r="AD103" s="110"/>
      <c r="AE103" s="110"/>
      <c r="AF103" s="110"/>
      <c r="AG103" s="110"/>
      <c r="AH103" s="110"/>
      <c r="AI103" s="110"/>
      <c r="AJ103" s="110"/>
      <c r="AK103" s="110"/>
      <c r="AL103" s="110"/>
      <c r="AM103" s="110"/>
      <c r="AN103" s="110"/>
      <c r="AO103" s="111"/>
    </row>
    <row r="104" spans="1:41" ht="9.75" customHeight="1">
      <c r="A104" s="109"/>
      <c r="B104" s="110"/>
      <c r="C104" s="110"/>
      <c r="D104" s="110"/>
      <c r="E104" s="110"/>
      <c r="F104" s="110"/>
      <c r="G104" s="110"/>
      <c r="H104" s="110"/>
      <c r="I104" s="110"/>
      <c r="J104" s="110"/>
      <c r="K104" s="110"/>
      <c r="L104" s="110"/>
      <c r="M104" s="110"/>
      <c r="N104" s="110"/>
      <c r="O104" s="110"/>
      <c r="P104" s="110"/>
      <c r="Q104" s="110"/>
      <c r="R104" s="110"/>
      <c r="S104" s="110"/>
      <c r="T104" s="110"/>
      <c r="U104" s="110"/>
      <c r="V104" s="110"/>
      <c r="W104" s="110"/>
      <c r="X104" s="110"/>
      <c r="Y104" s="110"/>
      <c r="Z104" s="110"/>
      <c r="AA104" s="110"/>
      <c r="AB104" s="110"/>
      <c r="AC104" s="110"/>
      <c r="AD104" s="110"/>
      <c r="AE104" s="110"/>
      <c r="AF104" s="110"/>
      <c r="AG104" s="110"/>
      <c r="AH104" s="110"/>
      <c r="AI104" s="110"/>
      <c r="AJ104" s="110"/>
      <c r="AK104" s="110"/>
      <c r="AL104" s="110"/>
      <c r="AM104" s="110"/>
      <c r="AN104" s="110"/>
      <c r="AO104" s="111"/>
    </row>
    <row r="105" spans="1:41" ht="9.75" customHeight="1">
      <c r="A105" s="109"/>
      <c r="B105" s="110"/>
      <c r="C105" s="110"/>
      <c r="D105" s="110"/>
      <c r="E105" s="110"/>
      <c r="F105" s="110"/>
      <c r="G105" s="110"/>
      <c r="H105" s="110"/>
      <c r="I105" s="110"/>
      <c r="J105" s="110"/>
      <c r="K105" s="110"/>
      <c r="L105" s="110"/>
      <c r="M105" s="110"/>
      <c r="N105" s="110"/>
      <c r="O105" s="110"/>
      <c r="P105" s="110"/>
      <c r="Q105" s="110"/>
      <c r="R105" s="110"/>
      <c r="S105" s="110"/>
      <c r="T105" s="110"/>
      <c r="U105" s="110"/>
      <c r="V105" s="110"/>
      <c r="W105" s="110"/>
      <c r="X105" s="110"/>
      <c r="Y105" s="110"/>
      <c r="Z105" s="110"/>
      <c r="AA105" s="110"/>
      <c r="AB105" s="110"/>
      <c r="AC105" s="110"/>
      <c r="AD105" s="110"/>
      <c r="AE105" s="110"/>
      <c r="AF105" s="110"/>
      <c r="AG105" s="110"/>
      <c r="AH105" s="110"/>
      <c r="AI105" s="110"/>
      <c r="AJ105" s="110"/>
      <c r="AK105" s="110"/>
      <c r="AL105" s="110"/>
      <c r="AM105" s="110"/>
      <c r="AN105" s="110"/>
      <c r="AO105" s="111"/>
    </row>
    <row r="106" spans="1:41" ht="9.75" customHeight="1">
      <c r="A106" s="109"/>
      <c r="B106" s="110"/>
      <c r="C106" s="110"/>
      <c r="D106" s="110"/>
      <c r="E106" s="110"/>
      <c r="F106" s="110"/>
      <c r="G106" s="110"/>
      <c r="H106" s="110"/>
      <c r="I106" s="110"/>
      <c r="J106" s="110"/>
      <c r="K106" s="110"/>
      <c r="L106" s="110"/>
      <c r="M106" s="110"/>
      <c r="N106" s="110"/>
      <c r="O106" s="110"/>
      <c r="P106" s="110"/>
      <c r="Q106" s="110"/>
      <c r="R106" s="110"/>
      <c r="S106" s="110"/>
      <c r="T106" s="110"/>
      <c r="U106" s="110"/>
      <c r="V106" s="110"/>
      <c r="W106" s="110"/>
      <c r="X106" s="110"/>
      <c r="Y106" s="110"/>
      <c r="Z106" s="110"/>
      <c r="AA106" s="110"/>
      <c r="AB106" s="110"/>
      <c r="AC106" s="110"/>
      <c r="AD106" s="110"/>
      <c r="AE106" s="110"/>
      <c r="AF106" s="110"/>
      <c r="AG106" s="110"/>
      <c r="AH106" s="110"/>
      <c r="AI106" s="110"/>
      <c r="AJ106" s="110"/>
      <c r="AK106" s="110"/>
      <c r="AL106" s="110"/>
      <c r="AM106" s="110"/>
      <c r="AN106" s="110"/>
      <c r="AO106" s="111"/>
    </row>
    <row r="107" spans="1:41" ht="9.75" customHeight="1">
      <c r="A107" s="109"/>
      <c r="B107" s="110"/>
      <c r="C107" s="110"/>
      <c r="D107" s="110"/>
      <c r="E107" s="110"/>
      <c r="F107" s="110"/>
      <c r="G107" s="110"/>
      <c r="H107" s="110"/>
      <c r="I107" s="110"/>
      <c r="J107" s="110"/>
      <c r="K107" s="110"/>
      <c r="L107" s="110"/>
      <c r="M107" s="110"/>
      <c r="N107" s="110"/>
      <c r="O107" s="110"/>
      <c r="P107" s="110"/>
      <c r="Q107" s="110"/>
      <c r="R107" s="110"/>
      <c r="S107" s="110"/>
      <c r="T107" s="110"/>
      <c r="U107" s="110"/>
      <c r="V107" s="110"/>
      <c r="W107" s="110"/>
      <c r="X107" s="110"/>
      <c r="Y107" s="110"/>
      <c r="Z107" s="110"/>
      <c r="AA107" s="110"/>
      <c r="AB107" s="110"/>
      <c r="AC107" s="110"/>
      <c r="AD107" s="110"/>
      <c r="AE107" s="110"/>
      <c r="AF107" s="110"/>
      <c r="AG107" s="110"/>
      <c r="AH107" s="110"/>
      <c r="AI107" s="110"/>
      <c r="AJ107" s="110"/>
      <c r="AK107" s="110"/>
      <c r="AL107" s="110"/>
      <c r="AM107" s="110"/>
      <c r="AN107" s="110"/>
      <c r="AO107" s="111"/>
    </row>
    <row r="108" spans="1:41" ht="9.75" customHeight="1">
      <c r="A108" s="109"/>
      <c r="B108" s="110"/>
      <c r="C108" s="110"/>
      <c r="D108" s="110"/>
      <c r="E108" s="110"/>
      <c r="F108" s="110"/>
      <c r="G108" s="110"/>
      <c r="H108" s="110"/>
      <c r="I108" s="110"/>
      <c r="J108" s="110"/>
      <c r="K108" s="110"/>
      <c r="L108" s="110"/>
      <c r="M108" s="110"/>
      <c r="N108" s="110"/>
      <c r="O108" s="110"/>
      <c r="P108" s="110"/>
      <c r="Q108" s="110"/>
      <c r="R108" s="110"/>
      <c r="S108" s="110"/>
      <c r="T108" s="110"/>
      <c r="U108" s="110"/>
      <c r="V108" s="110"/>
      <c r="W108" s="110"/>
      <c r="X108" s="110"/>
      <c r="Y108" s="110"/>
      <c r="Z108" s="110"/>
      <c r="AA108" s="110"/>
      <c r="AB108" s="110"/>
      <c r="AC108" s="110"/>
      <c r="AD108" s="110"/>
      <c r="AE108" s="110"/>
      <c r="AF108" s="110"/>
      <c r="AG108" s="110"/>
      <c r="AH108" s="110"/>
      <c r="AI108" s="110"/>
      <c r="AJ108" s="110"/>
      <c r="AK108" s="110"/>
      <c r="AL108" s="110"/>
      <c r="AM108" s="110"/>
      <c r="AN108" s="110"/>
      <c r="AO108" s="111"/>
    </row>
    <row r="109" spans="1:41" ht="9.75" customHeight="1">
      <c r="A109" s="109"/>
      <c r="B109" s="110"/>
      <c r="C109" s="110"/>
      <c r="D109" s="110"/>
      <c r="E109" s="110"/>
      <c r="F109" s="110"/>
      <c r="G109" s="110"/>
      <c r="H109" s="110"/>
      <c r="I109" s="110"/>
      <c r="J109" s="110"/>
      <c r="K109" s="110"/>
      <c r="L109" s="110"/>
      <c r="M109" s="110"/>
      <c r="N109" s="110"/>
      <c r="O109" s="110"/>
      <c r="P109" s="110"/>
      <c r="Q109" s="110"/>
      <c r="R109" s="110"/>
      <c r="S109" s="110"/>
      <c r="T109" s="110"/>
      <c r="U109" s="110"/>
      <c r="V109" s="110"/>
      <c r="W109" s="110"/>
      <c r="X109" s="110"/>
      <c r="Y109" s="110"/>
      <c r="Z109" s="110"/>
      <c r="AA109" s="110"/>
      <c r="AB109" s="110"/>
      <c r="AC109" s="110"/>
      <c r="AD109" s="110"/>
      <c r="AE109" s="110"/>
      <c r="AF109" s="110"/>
      <c r="AG109" s="110"/>
      <c r="AH109" s="110"/>
      <c r="AI109" s="110"/>
      <c r="AJ109" s="110"/>
      <c r="AK109" s="110"/>
      <c r="AL109" s="110"/>
      <c r="AM109" s="110"/>
      <c r="AN109" s="110"/>
      <c r="AO109" s="111"/>
    </row>
    <row r="110" spans="1:41" ht="9.75" customHeight="1">
      <c r="A110" s="109"/>
      <c r="B110" s="110"/>
      <c r="C110" s="110"/>
      <c r="D110" s="110"/>
      <c r="E110" s="110"/>
      <c r="F110" s="110"/>
      <c r="G110" s="110"/>
      <c r="H110" s="110"/>
      <c r="I110" s="110"/>
      <c r="J110" s="110"/>
      <c r="K110" s="110"/>
      <c r="L110" s="110"/>
      <c r="M110" s="110"/>
      <c r="N110" s="110"/>
      <c r="O110" s="110"/>
      <c r="P110" s="110"/>
      <c r="Q110" s="110"/>
      <c r="R110" s="110"/>
      <c r="S110" s="110"/>
      <c r="T110" s="110"/>
      <c r="U110" s="110"/>
      <c r="V110" s="110"/>
      <c r="W110" s="110"/>
      <c r="X110" s="110"/>
      <c r="Y110" s="110"/>
      <c r="Z110" s="110"/>
      <c r="AA110" s="110"/>
      <c r="AB110" s="110"/>
      <c r="AC110" s="110"/>
      <c r="AD110" s="110"/>
      <c r="AE110" s="110"/>
      <c r="AF110" s="110"/>
      <c r="AG110" s="110"/>
      <c r="AH110" s="110"/>
      <c r="AI110" s="110"/>
      <c r="AJ110" s="110"/>
      <c r="AK110" s="110"/>
      <c r="AL110" s="110"/>
      <c r="AM110" s="110"/>
      <c r="AN110" s="110"/>
      <c r="AO110" s="111"/>
    </row>
    <row r="111" spans="1:41" ht="9.75" customHeight="1">
      <c r="A111" s="109"/>
      <c r="B111" s="110"/>
      <c r="C111" s="110"/>
      <c r="D111" s="110"/>
      <c r="E111" s="110"/>
      <c r="F111" s="110"/>
      <c r="G111" s="110"/>
      <c r="H111" s="110"/>
      <c r="I111" s="110"/>
      <c r="J111" s="110"/>
      <c r="K111" s="110"/>
      <c r="L111" s="110"/>
      <c r="M111" s="110"/>
      <c r="N111" s="110"/>
      <c r="O111" s="110"/>
      <c r="P111" s="110"/>
      <c r="Q111" s="110"/>
      <c r="R111" s="110"/>
      <c r="S111" s="110"/>
      <c r="T111" s="110"/>
      <c r="U111" s="110"/>
      <c r="V111" s="110"/>
      <c r="W111" s="110"/>
      <c r="X111" s="110"/>
      <c r="Y111" s="110"/>
      <c r="Z111" s="110"/>
      <c r="AA111" s="110"/>
      <c r="AB111" s="110"/>
      <c r="AC111" s="110"/>
      <c r="AD111" s="110"/>
      <c r="AE111" s="110"/>
      <c r="AF111" s="110"/>
      <c r="AG111" s="110"/>
      <c r="AH111" s="110"/>
      <c r="AI111" s="110"/>
      <c r="AJ111" s="110"/>
      <c r="AK111" s="110"/>
      <c r="AL111" s="110"/>
      <c r="AM111" s="110"/>
      <c r="AN111" s="110"/>
      <c r="AO111" s="111"/>
    </row>
    <row r="112" spans="1:41" ht="9.75" customHeight="1">
      <c r="A112" s="109"/>
      <c r="B112" s="110"/>
      <c r="C112" s="110"/>
      <c r="D112" s="110"/>
      <c r="E112" s="110"/>
      <c r="F112" s="110"/>
      <c r="G112" s="110"/>
      <c r="H112" s="110"/>
      <c r="I112" s="110"/>
      <c r="J112" s="110"/>
      <c r="K112" s="110"/>
      <c r="L112" s="110"/>
      <c r="M112" s="110"/>
      <c r="N112" s="110"/>
      <c r="O112" s="110"/>
      <c r="P112" s="110"/>
      <c r="Q112" s="110"/>
      <c r="R112" s="110"/>
      <c r="S112" s="110"/>
      <c r="T112" s="110"/>
      <c r="U112" s="110"/>
      <c r="V112" s="110"/>
      <c r="W112" s="110"/>
      <c r="X112" s="110"/>
      <c r="Y112" s="110"/>
      <c r="Z112" s="110"/>
      <c r="AA112" s="110"/>
      <c r="AB112" s="110"/>
      <c r="AC112" s="110"/>
      <c r="AD112" s="110"/>
      <c r="AE112" s="110"/>
      <c r="AF112" s="110"/>
      <c r="AG112" s="110"/>
      <c r="AH112" s="110"/>
      <c r="AI112" s="110"/>
      <c r="AJ112" s="110"/>
      <c r="AK112" s="110"/>
      <c r="AL112" s="110"/>
      <c r="AM112" s="110"/>
      <c r="AN112" s="110"/>
      <c r="AO112" s="111"/>
    </row>
    <row r="113" spans="1:41" ht="9.75" customHeight="1">
      <c r="A113" s="109"/>
      <c r="B113" s="110"/>
      <c r="C113" s="110"/>
      <c r="D113" s="110"/>
      <c r="E113" s="110"/>
      <c r="F113" s="110"/>
      <c r="G113" s="110"/>
      <c r="H113" s="110"/>
      <c r="I113" s="110"/>
      <c r="J113" s="110"/>
      <c r="K113" s="110"/>
      <c r="L113" s="110"/>
      <c r="M113" s="110"/>
      <c r="N113" s="110"/>
      <c r="O113" s="110"/>
      <c r="P113" s="110"/>
      <c r="Q113" s="110"/>
      <c r="R113" s="110"/>
      <c r="S113" s="110"/>
      <c r="T113" s="110"/>
      <c r="U113" s="110"/>
      <c r="V113" s="110"/>
      <c r="W113" s="110"/>
      <c r="X113" s="110"/>
      <c r="Y113" s="110"/>
      <c r="Z113" s="110"/>
      <c r="AA113" s="110"/>
      <c r="AB113" s="110"/>
      <c r="AC113" s="110"/>
      <c r="AD113" s="110"/>
      <c r="AE113" s="110"/>
      <c r="AF113" s="110"/>
      <c r="AG113" s="110"/>
      <c r="AH113" s="110"/>
      <c r="AI113" s="110"/>
      <c r="AJ113" s="110"/>
      <c r="AK113" s="110"/>
      <c r="AL113" s="110"/>
      <c r="AM113" s="110"/>
      <c r="AN113" s="110"/>
      <c r="AO113" s="111"/>
    </row>
    <row r="114" spans="1:41" ht="9.75" customHeight="1">
      <c r="A114" s="109"/>
      <c r="B114" s="110"/>
      <c r="C114" s="110"/>
      <c r="D114" s="110"/>
      <c r="E114" s="110"/>
      <c r="F114" s="110"/>
      <c r="G114" s="110"/>
      <c r="H114" s="110"/>
      <c r="I114" s="110"/>
      <c r="J114" s="110"/>
      <c r="K114" s="110"/>
      <c r="L114" s="110"/>
      <c r="M114" s="110"/>
      <c r="N114" s="110"/>
      <c r="O114" s="110"/>
      <c r="P114" s="110"/>
      <c r="Q114" s="110"/>
      <c r="R114" s="110"/>
      <c r="S114" s="110"/>
      <c r="T114" s="110"/>
      <c r="U114" s="110"/>
      <c r="V114" s="110"/>
      <c r="W114" s="110"/>
      <c r="X114" s="110"/>
      <c r="Y114" s="110"/>
      <c r="Z114" s="110"/>
      <c r="AA114" s="110"/>
      <c r="AB114" s="110"/>
      <c r="AC114" s="110"/>
      <c r="AD114" s="110"/>
      <c r="AE114" s="110"/>
      <c r="AF114" s="110"/>
      <c r="AG114" s="110"/>
      <c r="AH114" s="110"/>
      <c r="AI114" s="110"/>
      <c r="AJ114" s="110"/>
      <c r="AK114" s="110"/>
      <c r="AL114" s="110"/>
      <c r="AM114" s="110"/>
      <c r="AN114" s="110"/>
      <c r="AO114" s="111"/>
    </row>
    <row r="115" spans="1:41" ht="9.75" customHeight="1">
      <c r="A115" s="109"/>
      <c r="B115" s="110"/>
      <c r="C115" s="110"/>
      <c r="D115" s="110"/>
      <c r="E115" s="110"/>
      <c r="F115" s="110"/>
      <c r="G115" s="110"/>
      <c r="H115" s="110"/>
      <c r="I115" s="110"/>
      <c r="J115" s="110"/>
      <c r="K115" s="110"/>
      <c r="L115" s="110"/>
      <c r="M115" s="110"/>
      <c r="N115" s="110"/>
      <c r="O115" s="110"/>
      <c r="P115" s="110"/>
      <c r="Q115" s="110"/>
      <c r="R115" s="110"/>
      <c r="S115" s="110"/>
      <c r="T115" s="110"/>
      <c r="U115" s="110"/>
      <c r="V115" s="110"/>
      <c r="W115" s="110"/>
      <c r="X115" s="110"/>
      <c r="Y115" s="110"/>
      <c r="Z115" s="110"/>
      <c r="AA115" s="110"/>
      <c r="AB115" s="110"/>
      <c r="AC115" s="110"/>
      <c r="AD115" s="110"/>
      <c r="AE115" s="110"/>
      <c r="AF115" s="110"/>
      <c r="AG115" s="110"/>
      <c r="AH115" s="110"/>
      <c r="AI115" s="110"/>
      <c r="AJ115" s="110"/>
      <c r="AK115" s="110"/>
      <c r="AL115" s="110"/>
      <c r="AM115" s="110"/>
      <c r="AN115" s="110"/>
      <c r="AO115" s="111"/>
    </row>
    <row r="116" spans="1:41" ht="9.75" customHeight="1">
      <c r="A116" s="109"/>
      <c r="B116" s="110"/>
      <c r="C116" s="110"/>
      <c r="D116" s="110"/>
      <c r="E116" s="110"/>
      <c r="F116" s="110"/>
      <c r="G116" s="110"/>
      <c r="H116" s="110"/>
      <c r="I116" s="110"/>
      <c r="J116" s="110"/>
      <c r="K116" s="110"/>
      <c r="L116" s="110"/>
      <c r="M116" s="110"/>
      <c r="N116" s="110"/>
      <c r="O116" s="110"/>
      <c r="P116" s="110"/>
      <c r="Q116" s="110"/>
      <c r="R116" s="110"/>
      <c r="S116" s="110"/>
      <c r="T116" s="110"/>
      <c r="U116" s="110"/>
      <c r="V116" s="110"/>
      <c r="W116" s="110"/>
      <c r="X116" s="110"/>
      <c r="Y116" s="110"/>
      <c r="Z116" s="110"/>
      <c r="AA116" s="110"/>
      <c r="AB116" s="110"/>
      <c r="AC116" s="110"/>
      <c r="AD116" s="110"/>
      <c r="AE116" s="110"/>
      <c r="AF116" s="110"/>
      <c r="AG116" s="110"/>
      <c r="AH116" s="110"/>
      <c r="AI116" s="110"/>
      <c r="AJ116" s="110"/>
      <c r="AK116" s="110"/>
      <c r="AL116" s="110"/>
      <c r="AM116" s="110"/>
      <c r="AN116" s="110"/>
      <c r="AO116" s="111"/>
    </row>
    <row r="117" spans="1:41" ht="9.75" customHeight="1">
      <c r="A117" s="109"/>
      <c r="B117" s="110"/>
      <c r="C117" s="110"/>
      <c r="D117" s="110"/>
      <c r="E117" s="110"/>
      <c r="F117" s="110"/>
      <c r="G117" s="110"/>
      <c r="H117" s="110"/>
      <c r="I117" s="110"/>
      <c r="J117" s="110"/>
      <c r="K117" s="110"/>
      <c r="L117" s="110"/>
      <c r="M117" s="110"/>
      <c r="N117" s="110"/>
      <c r="O117" s="110"/>
      <c r="P117" s="110"/>
      <c r="Q117" s="110"/>
      <c r="R117" s="110"/>
      <c r="S117" s="110"/>
      <c r="T117" s="110"/>
      <c r="U117" s="110"/>
      <c r="V117" s="110"/>
      <c r="W117" s="110"/>
      <c r="X117" s="110"/>
      <c r="Y117" s="110"/>
      <c r="Z117" s="110"/>
      <c r="AA117" s="110"/>
      <c r="AB117" s="110"/>
      <c r="AC117" s="110"/>
      <c r="AD117" s="110"/>
      <c r="AE117" s="110"/>
      <c r="AF117" s="110"/>
      <c r="AG117" s="110"/>
      <c r="AH117" s="110"/>
      <c r="AI117" s="110"/>
      <c r="AJ117" s="110"/>
      <c r="AK117" s="110"/>
      <c r="AL117" s="110"/>
      <c r="AM117" s="110"/>
      <c r="AN117" s="110"/>
      <c r="AO117" s="111"/>
    </row>
    <row r="118" spans="1:41" ht="9.75" customHeight="1">
      <c r="A118" s="109"/>
      <c r="B118" s="110"/>
      <c r="C118" s="110"/>
      <c r="D118" s="110"/>
      <c r="E118" s="110"/>
      <c r="F118" s="110"/>
      <c r="G118" s="110"/>
      <c r="H118" s="110"/>
      <c r="I118" s="110"/>
      <c r="J118" s="110"/>
      <c r="K118" s="110"/>
      <c r="L118" s="110"/>
      <c r="M118" s="110"/>
      <c r="N118" s="110"/>
      <c r="O118" s="110"/>
      <c r="P118" s="110"/>
      <c r="Q118" s="110"/>
      <c r="R118" s="110"/>
      <c r="S118" s="110"/>
      <c r="T118" s="110"/>
      <c r="U118" s="110"/>
      <c r="V118" s="110"/>
      <c r="W118" s="110"/>
      <c r="X118" s="110"/>
      <c r="Y118" s="110"/>
      <c r="Z118" s="110"/>
      <c r="AA118" s="110"/>
      <c r="AB118" s="110"/>
      <c r="AC118" s="110"/>
      <c r="AD118" s="110"/>
      <c r="AE118" s="110"/>
      <c r="AF118" s="110"/>
      <c r="AG118" s="110"/>
      <c r="AH118" s="110"/>
      <c r="AI118" s="110"/>
      <c r="AJ118" s="110"/>
      <c r="AK118" s="110"/>
      <c r="AL118" s="110"/>
      <c r="AM118" s="110"/>
      <c r="AN118" s="110"/>
      <c r="AO118" s="111"/>
    </row>
    <row r="119" spans="1:41" ht="9.75" customHeight="1">
      <c r="A119" s="109"/>
      <c r="B119" s="110"/>
      <c r="C119" s="110"/>
      <c r="D119" s="110"/>
      <c r="E119" s="110"/>
      <c r="F119" s="110"/>
      <c r="G119" s="110"/>
      <c r="H119" s="110"/>
      <c r="I119" s="110"/>
      <c r="J119" s="110"/>
      <c r="K119" s="110"/>
      <c r="L119" s="110"/>
      <c r="M119" s="110"/>
      <c r="N119" s="110"/>
      <c r="O119" s="110"/>
      <c r="P119" s="110"/>
      <c r="Q119" s="110"/>
      <c r="R119" s="110"/>
      <c r="S119" s="110"/>
      <c r="T119" s="110"/>
      <c r="U119" s="110"/>
      <c r="V119" s="110"/>
      <c r="W119" s="110"/>
      <c r="X119" s="110"/>
      <c r="Y119" s="110"/>
      <c r="Z119" s="110"/>
      <c r="AA119" s="110"/>
      <c r="AB119" s="110"/>
      <c r="AC119" s="110"/>
      <c r="AD119" s="110"/>
      <c r="AE119" s="110"/>
      <c r="AF119" s="110"/>
      <c r="AG119" s="110"/>
      <c r="AH119" s="110"/>
      <c r="AI119" s="110"/>
      <c r="AJ119" s="110"/>
      <c r="AK119" s="110"/>
      <c r="AL119" s="110"/>
      <c r="AM119" s="110"/>
      <c r="AN119" s="110"/>
      <c r="AO119" s="111"/>
    </row>
    <row r="120" spans="1:41" ht="9.75" customHeight="1">
      <c r="A120" s="109"/>
      <c r="B120" s="110"/>
      <c r="C120" s="110"/>
      <c r="D120" s="110"/>
      <c r="E120" s="110"/>
      <c r="F120" s="110"/>
      <c r="G120" s="110"/>
      <c r="H120" s="110"/>
      <c r="I120" s="110"/>
      <c r="J120" s="110"/>
      <c r="K120" s="110"/>
      <c r="L120" s="110"/>
      <c r="M120" s="110"/>
      <c r="N120" s="110"/>
      <c r="O120" s="110"/>
      <c r="P120" s="110"/>
      <c r="Q120" s="110"/>
      <c r="R120" s="110"/>
      <c r="S120" s="110"/>
      <c r="T120" s="110"/>
      <c r="U120" s="110"/>
      <c r="V120" s="110"/>
      <c r="W120" s="110"/>
      <c r="X120" s="110"/>
      <c r="Y120" s="110"/>
      <c r="Z120" s="110"/>
      <c r="AA120" s="110"/>
      <c r="AB120" s="110"/>
      <c r="AC120" s="110"/>
      <c r="AD120" s="110"/>
      <c r="AE120" s="110"/>
      <c r="AF120" s="110"/>
      <c r="AG120" s="110"/>
      <c r="AH120" s="110"/>
      <c r="AI120" s="110"/>
      <c r="AJ120" s="110"/>
      <c r="AK120" s="110"/>
      <c r="AL120" s="110"/>
      <c r="AM120" s="110"/>
      <c r="AN120" s="110"/>
      <c r="AO120" s="111"/>
    </row>
    <row r="121" spans="1:41" ht="9.75" customHeight="1">
      <c r="A121" s="109"/>
      <c r="B121" s="110"/>
      <c r="C121" s="110"/>
      <c r="D121" s="110"/>
      <c r="E121" s="110"/>
      <c r="F121" s="110"/>
      <c r="G121" s="110"/>
      <c r="H121" s="110"/>
      <c r="I121" s="110"/>
      <c r="J121" s="110"/>
      <c r="K121" s="110"/>
      <c r="L121" s="110"/>
      <c r="M121" s="110"/>
      <c r="N121" s="110"/>
      <c r="O121" s="110"/>
      <c r="P121" s="110"/>
      <c r="Q121" s="110"/>
      <c r="R121" s="110"/>
      <c r="S121" s="110"/>
      <c r="T121" s="110"/>
      <c r="U121" s="110"/>
      <c r="V121" s="110"/>
      <c r="W121" s="110"/>
      <c r="X121" s="110"/>
      <c r="Y121" s="110"/>
      <c r="Z121" s="110"/>
      <c r="AA121" s="110"/>
      <c r="AB121" s="110"/>
      <c r="AC121" s="110"/>
      <c r="AD121" s="110"/>
      <c r="AE121" s="110"/>
      <c r="AF121" s="110"/>
      <c r="AG121" s="110"/>
      <c r="AH121" s="110"/>
      <c r="AI121" s="110"/>
      <c r="AJ121" s="110"/>
      <c r="AK121" s="110"/>
      <c r="AL121" s="110"/>
      <c r="AM121" s="110"/>
      <c r="AN121" s="110"/>
      <c r="AO121" s="111"/>
    </row>
    <row r="122" spans="1:41" ht="9.75" customHeight="1">
      <c r="A122" s="109"/>
      <c r="B122" s="110"/>
      <c r="C122" s="110"/>
      <c r="D122" s="110"/>
      <c r="E122" s="110"/>
      <c r="F122" s="110"/>
      <c r="G122" s="110"/>
      <c r="H122" s="110"/>
      <c r="I122" s="110"/>
      <c r="J122" s="110"/>
      <c r="K122" s="110"/>
      <c r="L122" s="110"/>
      <c r="M122" s="110"/>
      <c r="N122" s="110"/>
      <c r="O122" s="110"/>
      <c r="P122" s="110"/>
      <c r="Q122" s="110"/>
      <c r="R122" s="110"/>
      <c r="S122" s="110"/>
      <c r="T122" s="110"/>
      <c r="U122" s="110"/>
      <c r="V122" s="110"/>
      <c r="W122" s="110"/>
      <c r="X122" s="110"/>
      <c r="Y122" s="110"/>
      <c r="Z122" s="110"/>
      <c r="AA122" s="110"/>
      <c r="AB122" s="110"/>
      <c r="AC122" s="110"/>
      <c r="AD122" s="110"/>
      <c r="AE122" s="110"/>
      <c r="AF122" s="110"/>
      <c r="AG122" s="110"/>
      <c r="AH122" s="110"/>
      <c r="AI122" s="110"/>
      <c r="AJ122" s="110"/>
      <c r="AK122" s="110"/>
      <c r="AL122" s="110"/>
      <c r="AM122" s="110"/>
      <c r="AN122" s="110"/>
      <c r="AO122" s="111"/>
    </row>
    <row r="123" spans="1:41" ht="9.75" customHeight="1">
      <c r="A123" s="109"/>
      <c r="B123" s="110"/>
      <c r="C123" s="110"/>
      <c r="D123" s="110"/>
      <c r="E123" s="110"/>
      <c r="F123" s="110"/>
      <c r="G123" s="110"/>
      <c r="H123" s="110"/>
      <c r="I123" s="110"/>
      <c r="J123" s="110"/>
      <c r="K123" s="110"/>
      <c r="L123" s="110"/>
      <c r="M123" s="110"/>
      <c r="N123" s="110"/>
      <c r="O123" s="110"/>
      <c r="P123" s="110"/>
      <c r="Q123" s="110"/>
      <c r="R123" s="110"/>
      <c r="S123" s="110"/>
      <c r="T123" s="110"/>
      <c r="U123" s="110"/>
      <c r="V123" s="110"/>
      <c r="W123" s="110"/>
      <c r="X123" s="110"/>
      <c r="Y123" s="110"/>
      <c r="Z123" s="110"/>
      <c r="AA123" s="110"/>
      <c r="AB123" s="110"/>
      <c r="AC123" s="110"/>
      <c r="AD123" s="110"/>
      <c r="AE123" s="110"/>
      <c r="AF123" s="110"/>
      <c r="AG123" s="110"/>
      <c r="AH123" s="110"/>
      <c r="AI123" s="110"/>
      <c r="AJ123" s="110"/>
      <c r="AK123" s="110"/>
      <c r="AL123" s="110"/>
      <c r="AM123" s="110"/>
      <c r="AN123" s="110"/>
      <c r="AO123" s="111"/>
    </row>
    <row r="124" spans="1:41" ht="9.75" customHeight="1">
      <c r="A124" s="109"/>
      <c r="B124" s="110"/>
      <c r="C124" s="110"/>
      <c r="D124" s="110"/>
      <c r="E124" s="110"/>
      <c r="F124" s="110"/>
      <c r="G124" s="110"/>
      <c r="H124" s="110"/>
      <c r="I124" s="110"/>
      <c r="J124" s="110"/>
      <c r="K124" s="110"/>
      <c r="L124" s="110"/>
      <c r="M124" s="110"/>
      <c r="N124" s="110"/>
      <c r="O124" s="110"/>
      <c r="P124" s="110"/>
      <c r="Q124" s="110"/>
      <c r="R124" s="110"/>
      <c r="S124" s="110"/>
      <c r="T124" s="110"/>
      <c r="U124" s="110"/>
      <c r="V124" s="110"/>
      <c r="W124" s="110"/>
      <c r="X124" s="110"/>
      <c r="Y124" s="110"/>
      <c r="Z124" s="110"/>
      <c r="AA124" s="110"/>
      <c r="AB124" s="110"/>
      <c r="AC124" s="110"/>
      <c r="AD124" s="110"/>
      <c r="AE124" s="110"/>
      <c r="AF124" s="110"/>
      <c r="AG124" s="110"/>
      <c r="AH124" s="110"/>
      <c r="AI124" s="110"/>
      <c r="AJ124" s="110"/>
      <c r="AK124" s="110"/>
      <c r="AL124" s="110"/>
      <c r="AM124" s="110"/>
      <c r="AN124" s="110"/>
      <c r="AO124" s="111"/>
    </row>
    <row r="125" spans="1:41" ht="9.75" customHeight="1">
      <c r="A125" s="109"/>
      <c r="B125" s="110"/>
      <c r="C125" s="110"/>
      <c r="D125" s="110"/>
      <c r="E125" s="110"/>
      <c r="F125" s="110"/>
      <c r="G125" s="110"/>
      <c r="H125" s="110"/>
      <c r="I125" s="110"/>
      <c r="J125" s="110"/>
      <c r="K125" s="110"/>
      <c r="L125" s="110"/>
      <c r="M125" s="110"/>
      <c r="N125" s="110"/>
      <c r="O125" s="110"/>
      <c r="P125" s="110"/>
      <c r="Q125" s="110"/>
      <c r="R125" s="110"/>
      <c r="S125" s="110"/>
      <c r="T125" s="110"/>
      <c r="U125" s="110"/>
      <c r="V125" s="110"/>
      <c r="W125" s="110"/>
      <c r="X125" s="110"/>
      <c r="Y125" s="110"/>
      <c r="Z125" s="110"/>
      <c r="AA125" s="110"/>
      <c r="AB125" s="110"/>
      <c r="AC125" s="110"/>
      <c r="AD125" s="110"/>
      <c r="AE125" s="110"/>
      <c r="AF125" s="110"/>
      <c r="AG125" s="110"/>
      <c r="AH125" s="110"/>
      <c r="AI125" s="110"/>
      <c r="AJ125" s="110"/>
      <c r="AK125" s="110"/>
      <c r="AL125" s="110"/>
      <c r="AM125" s="110"/>
      <c r="AN125" s="110"/>
      <c r="AO125" s="111"/>
    </row>
    <row r="126" spans="1:41" ht="9.75" customHeight="1">
      <c r="A126" s="109"/>
      <c r="B126" s="110"/>
      <c r="C126" s="110"/>
      <c r="D126" s="110"/>
      <c r="E126" s="110"/>
      <c r="F126" s="110"/>
      <c r="G126" s="110"/>
      <c r="H126" s="110"/>
      <c r="I126" s="110"/>
      <c r="J126" s="110"/>
      <c r="K126" s="110"/>
      <c r="L126" s="110"/>
      <c r="M126" s="110"/>
      <c r="N126" s="110"/>
      <c r="O126" s="110"/>
      <c r="P126" s="110"/>
      <c r="Q126" s="110"/>
      <c r="R126" s="110"/>
      <c r="S126" s="110"/>
      <c r="T126" s="110"/>
      <c r="U126" s="110"/>
      <c r="V126" s="110"/>
      <c r="W126" s="110"/>
      <c r="X126" s="110"/>
      <c r="Y126" s="110"/>
      <c r="Z126" s="110"/>
      <c r="AA126" s="110"/>
      <c r="AB126" s="110"/>
      <c r="AC126" s="110"/>
      <c r="AD126" s="110"/>
      <c r="AE126" s="110"/>
      <c r="AF126" s="110"/>
      <c r="AG126" s="110"/>
      <c r="AH126" s="110"/>
      <c r="AI126" s="110"/>
      <c r="AJ126" s="110"/>
      <c r="AK126" s="110"/>
      <c r="AL126" s="110"/>
      <c r="AM126" s="110"/>
      <c r="AN126" s="110"/>
      <c r="AO126" s="111"/>
    </row>
    <row r="127" spans="1:41" ht="9.75" customHeight="1">
      <c r="A127" s="109"/>
      <c r="B127" s="110"/>
      <c r="C127" s="110"/>
      <c r="D127" s="110"/>
      <c r="E127" s="110"/>
      <c r="F127" s="110"/>
      <c r="G127" s="110"/>
      <c r="H127" s="110"/>
      <c r="I127" s="110"/>
      <c r="J127" s="110"/>
      <c r="K127" s="110"/>
      <c r="L127" s="110"/>
      <c r="M127" s="110"/>
      <c r="N127" s="110"/>
      <c r="O127" s="110"/>
      <c r="P127" s="110"/>
      <c r="Q127" s="110"/>
      <c r="R127" s="110"/>
      <c r="S127" s="110"/>
      <c r="T127" s="110"/>
      <c r="U127" s="110"/>
      <c r="V127" s="110"/>
      <c r="W127" s="110"/>
      <c r="X127" s="110"/>
      <c r="Y127" s="110"/>
      <c r="Z127" s="110"/>
      <c r="AA127" s="110"/>
      <c r="AB127" s="110"/>
      <c r="AC127" s="110"/>
      <c r="AD127" s="110"/>
      <c r="AE127" s="110"/>
      <c r="AF127" s="110"/>
      <c r="AG127" s="110"/>
      <c r="AH127" s="110"/>
      <c r="AI127" s="110"/>
      <c r="AJ127" s="110"/>
      <c r="AK127" s="110"/>
      <c r="AL127" s="110"/>
      <c r="AM127" s="110"/>
      <c r="AN127" s="110"/>
      <c r="AO127" s="111"/>
    </row>
    <row r="128" spans="1:41" ht="9.75" customHeight="1">
      <c r="A128" s="109"/>
      <c r="B128" s="110"/>
      <c r="C128" s="110"/>
      <c r="D128" s="110"/>
      <c r="E128" s="110"/>
      <c r="F128" s="110"/>
      <c r="G128" s="110"/>
      <c r="H128" s="110"/>
      <c r="I128" s="110"/>
      <c r="J128" s="110"/>
      <c r="K128" s="110"/>
      <c r="L128" s="110"/>
      <c r="M128" s="110"/>
      <c r="N128" s="110"/>
      <c r="O128" s="110"/>
      <c r="P128" s="110"/>
      <c r="Q128" s="110"/>
      <c r="R128" s="110"/>
      <c r="S128" s="110"/>
      <c r="T128" s="110"/>
      <c r="U128" s="110"/>
      <c r="V128" s="110"/>
      <c r="W128" s="110"/>
      <c r="X128" s="110"/>
      <c r="Y128" s="110"/>
      <c r="Z128" s="110"/>
      <c r="AA128" s="110"/>
      <c r="AB128" s="110"/>
      <c r="AC128" s="110"/>
      <c r="AD128" s="110"/>
      <c r="AE128" s="110"/>
      <c r="AF128" s="110"/>
      <c r="AG128" s="110"/>
      <c r="AH128" s="110"/>
      <c r="AI128" s="110"/>
      <c r="AJ128" s="110"/>
      <c r="AK128" s="110"/>
      <c r="AL128" s="110"/>
      <c r="AM128" s="110"/>
      <c r="AN128" s="110"/>
      <c r="AO128" s="111"/>
    </row>
    <row r="129" spans="1:41" ht="9.75" customHeight="1">
      <c r="A129" s="109"/>
      <c r="B129" s="110"/>
      <c r="C129" s="110"/>
      <c r="D129" s="110"/>
      <c r="E129" s="110"/>
      <c r="F129" s="110"/>
      <c r="G129" s="110"/>
      <c r="H129" s="110"/>
      <c r="I129" s="110"/>
      <c r="J129" s="110"/>
      <c r="K129" s="110"/>
      <c r="L129" s="110"/>
      <c r="M129" s="110"/>
      <c r="N129" s="110"/>
      <c r="O129" s="110"/>
      <c r="P129" s="110"/>
      <c r="Q129" s="110"/>
      <c r="R129" s="110"/>
      <c r="S129" s="110"/>
      <c r="T129" s="110"/>
      <c r="U129" s="110"/>
      <c r="V129" s="110"/>
      <c r="W129" s="110"/>
      <c r="X129" s="110"/>
      <c r="Y129" s="110"/>
      <c r="Z129" s="110"/>
      <c r="AA129" s="110"/>
      <c r="AB129" s="110"/>
      <c r="AC129" s="110"/>
      <c r="AD129" s="110"/>
      <c r="AE129" s="110"/>
      <c r="AF129" s="110"/>
      <c r="AG129" s="110"/>
      <c r="AH129" s="110"/>
      <c r="AI129" s="110"/>
      <c r="AJ129" s="110"/>
      <c r="AK129" s="110"/>
      <c r="AL129" s="110"/>
      <c r="AM129" s="110"/>
      <c r="AN129" s="110"/>
      <c r="AO129" s="111"/>
    </row>
    <row r="130" spans="1:41" ht="9.75" customHeight="1">
      <c r="A130" s="109"/>
      <c r="B130" s="110"/>
      <c r="C130" s="110"/>
      <c r="D130" s="110"/>
      <c r="E130" s="110"/>
      <c r="F130" s="110"/>
      <c r="G130" s="110"/>
      <c r="H130" s="110"/>
      <c r="I130" s="110"/>
      <c r="J130" s="110"/>
      <c r="K130" s="110"/>
      <c r="L130" s="110"/>
      <c r="M130" s="110"/>
      <c r="N130" s="110"/>
      <c r="O130" s="110"/>
      <c r="P130" s="110"/>
      <c r="Q130" s="110"/>
      <c r="R130" s="110"/>
      <c r="S130" s="110"/>
      <c r="T130" s="110"/>
      <c r="U130" s="110"/>
      <c r="V130" s="110"/>
      <c r="W130" s="110"/>
      <c r="X130" s="110"/>
      <c r="Y130" s="110"/>
      <c r="Z130" s="110"/>
      <c r="AA130" s="110"/>
      <c r="AB130" s="110"/>
      <c r="AC130" s="110"/>
      <c r="AD130" s="110"/>
      <c r="AE130" s="110"/>
      <c r="AF130" s="110"/>
      <c r="AG130" s="110"/>
      <c r="AH130" s="110"/>
      <c r="AI130" s="110"/>
      <c r="AJ130" s="110"/>
      <c r="AK130" s="110"/>
      <c r="AL130" s="110"/>
      <c r="AM130" s="110"/>
      <c r="AN130" s="110"/>
      <c r="AO130" s="111"/>
    </row>
    <row r="131" spans="1:41" ht="9.75" customHeight="1">
      <c r="A131" s="109"/>
      <c r="B131" s="110"/>
      <c r="C131" s="110"/>
      <c r="D131" s="110"/>
      <c r="E131" s="110"/>
      <c r="F131" s="110"/>
      <c r="G131" s="110"/>
      <c r="H131" s="110"/>
      <c r="I131" s="110"/>
      <c r="J131" s="110"/>
      <c r="K131" s="110"/>
      <c r="L131" s="110"/>
      <c r="M131" s="110"/>
      <c r="N131" s="110"/>
      <c r="O131" s="110"/>
      <c r="P131" s="110"/>
      <c r="Q131" s="110"/>
      <c r="R131" s="110"/>
      <c r="S131" s="110"/>
      <c r="T131" s="110"/>
      <c r="U131" s="110"/>
      <c r="V131" s="110"/>
      <c r="W131" s="110"/>
      <c r="X131" s="110"/>
      <c r="Y131" s="110"/>
      <c r="Z131" s="110"/>
      <c r="AA131" s="110"/>
      <c r="AB131" s="110"/>
      <c r="AC131" s="110"/>
      <c r="AD131" s="110"/>
      <c r="AE131" s="110"/>
      <c r="AF131" s="110"/>
      <c r="AG131" s="110"/>
      <c r="AH131" s="110"/>
      <c r="AI131" s="110"/>
      <c r="AJ131" s="110"/>
      <c r="AK131" s="110"/>
      <c r="AL131" s="110"/>
      <c r="AM131" s="110"/>
      <c r="AN131" s="110"/>
      <c r="AO131" s="111"/>
    </row>
    <row r="132" spans="1:41" ht="9.75" customHeight="1">
      <c r="A132" s="109"/>
      <c r="B132" s="110"/>
      <c r="C132" s="110"/>
      <c r="D132" s="110"/>
      <c r="E132" s="110"/>
      <c r="F132" s="110"/>
      <c r="G132" s="110"/>
      <c r="H132" s="110"/>
      <c r="I132" s="110"/>
      <c r="J132" s="110"/>
      <c r="K132" s="110"/>
      <c r="L132" s="110"/>
      <c r="M132" s="110"/>
      <c r="N132" s="110"/>
      <c r="O132" s="110"/>
      <c r="P132" s="110"/>
      <c r="Q132" s="110"/>
      <c r="R132" s="110"/>
      <c r="S132" s="110"/>
      <c r="T132" s="110"/>
      <c r="U132" s="110"/>
      <c r="V132" s="110"/>
      <c r="W132" s="110"/>
      <c r="X132" s="110"/>
      <c r="Y132" s="110"/>
      <c r="Z132" s="110"/>
      <c r="AA132" s="110"/>
      <c r="AB132" s="110"/>
      <c r="AC132" s="110"/>
      <c r="AD132" s="110"/>
      <c r="AE132" s="110"/>
      <c r="AF132" s="110"/>
      <c r="AG132" s="110"/>
      <c r="AH132" s="110"/>
      <c r="AI132" s="110"/>
      <c r="AJ132" s="110"/>
      <c r="AK132" s="110"/>
      <c r="AL132" s="110"/>
      <c r="AM132" s="110"/>
      <c r="AN132" s="110"/>
      <c r="AO132" s="111"/>
    </row>
    <row r="133" spans="1:41" ht="9.75" customHeight="1">
      <c r="A133" s="109"/>
      <c r="B133" s="110"/>
      <c r="C133" s="110"/>
      <c r="D133" s="110"/>
      <c r="E133" s="110"/>
      <c r="F133" s="110"/>
      <c r="G133" s="110"/>
      <c r="H133" s="110"/>
      <c r="I133" s="110"/>
      <c r="J133" s="110"/>
      <c r="K133" s="110"/>
      <c r="L133" s="110"/>
      <c r="M133" s="110"/>
      <c r="N133" s="110"/>
      <c r="O133" s="110"/>
      <c r="P133" s="110"/>
      <c r="Q133" s="110"/>
      <c r="R133" s="110"/>
      <c r="S133" s="110"/>
      <c r="T133" s="110"/>
      <c r="U133" s="110"/>
      <c r="V133" s="110"/>
      <c r="W133" s="110"/>
      <c r="X133" s="110"/>
      <c r="Y133" s="110"/>
      <c r="Z133" s="110"/>
      <c r="AA133" s="110"/>
      <c r="AB133" s="110"/>
      <c r="AC133" s="110"/>
      <c r="AD133" s="110"/>
      <c r="AE133" s="110"/>
      <c r="AF133" s="110"/>
      <c r="AG133" s="110"/>
      <c r="AH133" s="110"/>
      <c r="AI133" s="110"/>
      <c r="AJ133" s="110"/>
      <c r="AK133" s="110"/>
      <c r="AL133" s="110"/>
      <c r="AM133" s="110"/>
      <c r="AN133" s="110"/>
      <c r="AO133" s="111"/>
    </row>
    <row r="134" spans="1:41" ht="9.75" customHeight="1">
      <c r="A134" s="109"/>
      <c r="B134" s="110"/>
      <c r="C134" s="110"/>
      <c r="D134" s="110"/>
      <c r="E134" s="110"/>
      <c r="F134" s="110"/>
      <c r="G134" s="110"/>
      <c r="H134" s="110"/>
      <c r="I134" s="110"/>
      <c r="J134" s="110"/>
      <c r="K134" s="110"/>
      <c r="L134" s="110"/>
      <c r="M134" s="110"/>
      <c r="N134" s="110"/>
      <c r="O134" s="110"/>
      <c r="P134" s="110"/>
      <c r="Q134" s="110"/>
      <c r="R134" s="110"/>
      <c r="S134" s="110"/>
      <c r="T134" s="110"/>
      <c r="U134" s="110"/>
      <c r="V134" s="110"/>
      <c r="W134" s="110"/>
      <c r="X134" s="110"/>
      <c r="Y134" s="110"/>
      <c r="Z134" s="110"/>
      <c r="AA134" s="110"/>
      <c r="AB134" s="110"/>
      <c r="AC134" s="110"/>
      <c r="AD134" s="110"/>
      <c r="AE134" s="110"/>
      <c r="AF134" s="110"/>
      <c r="AG134" s="110"/>
      <c r="AH134" s="110"/>
      <c r="AI134" s="110"/>
      <c r="AJ134" s="110"/>
      <c r="AK134" s="110"/>
      <c r="AL134" s="110"/>
      <c r="AM134" s="110"/>
      <c r="AN134" s="110"/>
      <c r="AO134" s="111"/>
    </row>
    <row r="135" spans="1:41" ht="9.75" customHeight="1">
      <c r="A135" s="109"/>
      <c r="B135" s="110"/>
      <c r="C135" s="110"/>
      <c r="D135" s="110"/>
      <c r="E135" s="110"/>
      <c r="F135" s="110"/>
      <c r="G135" s="110"/>
      <c r="H135" s="110"/>
      <c r="I135" s="110"/>
      <c r="J135" s="110"/>
      <c r="K135" s="110"/>
      <c r="L135" s="110"/>
      <c r="M135" s="110"/>
      <c r="N135" s="110"/>
      <c r="O135" s="110"/>
      <c r="P135" s="110"/>
      <c r="Q135" s="110"/>
      <c r="R135" s="110"/>
      <c r="S135" s="110"/>
      <c r="T135" s="110"/>
      <c r="U135" s="110"/>
      <c r="V135" s="110"/>
      <c r="W135" s="110"/>
      <c r="X135" s="110"/>
      <c r="Y135" s="110"/>
      <c r="Z135" s="110"/>
      <c r="AA135" s="110"/>
      <c r="AB135" s="110"/>
      <c r="AC135" s="110"/>
      <c r="AD135" s="110"/>
      <c r="AE135" s="110"/>
      <c r="AF135" s="110"/>
      <c r="AG135" s="110"/>
      <c r="AH135" s="110"/>
      <c r="AI135" s="110"/>
      <c r="AJ135" s="110"/>
      <c r="AK135" s="110"/>
      <c r="AL135" s="110"/>
      <c r="AM135" s="110"/>
      <c r="AN135" s="110"/>
      <c r="AO135" s="111"/>
    </row>
    <row r="136" spans="1:41" ht="9.75" customHeight="1">
      <c r="A136" s="109"/>
      <c r="B136" s="110"/>
      <c r="C136" s="110"/>
      <c r="D136" s="110"/>
      <c r="E136" s="110"/>
      <c r="F136" s="110"/>
      <c r="G136" s="110"/>
      <c r="H136" s="110"/>
      <c r="I136" s="110"/>
      <c r="J136" s="110"/>
      <c r="K136" s="110"/>
      <c r="L136" s="110"/>
      <c r="M136" s="110"/>
      <c r="N136" s="110"/>
      <c r="O136" s="110"/>
      <c r="P136" s="110"/>
      <c r="Q136" s="110"/>
      <c r="R136" s="110"/>
      <c r="S136" s="110"/>
      <c r="T136" s="110"/>
      <c r="U136" s="110"/>
      <c r="V136" s="110"/>
      <c r="W136" s="110"/>
      <c r="X136" s="110"/>
      <c r="Y136" s="110"/>
      <c r="Z136" s="110"/>
      <c r="AA136" s="110"/>
      <c r="AB136" s="110"/>
      <c r="AC136" s="110"/>
      <c r="AD136" s="110"/>
      <c r="AE136" s="110"/>
      <c r="AF136" s="110"/>
      <c r="AG136" s="110"/>
      <c r="AH136" s="110"/>
      <c r="AI136" s="110"/>
      <c r="AJ136" s="110"/>
      <c r="AK136" s="110"/>
      <c r="AL136" s="110"/>
      <c r="AM136" s="110"/>
      <c r="AN136" s="110"/>
      <c r="AO136" s="111"/>
    </row>
    <row r="137" spans="1:41" ht="9.75" customHeight="1">
      <c r="A137" s="109"/>
      <c r="B137" s="110"/>
      <c r="C137" s="110"/>
      <c r="D137" s="110"/>
      <c r="E137" s="110"/>
      <c r="F137" s="110"/>
      <c r="G137" s="110"/>
      <c r="H137" s="110"/>
      <c r="I137" s="110"/>
      <c r="J137" s="110"/>
      <c r="K137" s="110"/>
      <c r="L137" s="110"/>
      <c r="M137" s="110"/>
      <c r="N137" s="110"/>
      <c r="O137" s="110"/>
      <c r="P137" s="110"/>
      <c r="Q137" s="110"/>
      <c r="R137" s="110"/>
      <c r="S137" s="110"/>
      <c r="T137" s="110"/>
      <c r="U137" s="110"/>
      <c r="V137" s="110"/>
      <c r="W137" s="110"/>
      <c r="X137" s="110"/>
      <c r="Y137" s="110"/>
      <c r="Z137" s="110"/>
      <c r="AA137" s="110"/>
      <c r="AB137" s="110"/>
      <c r="AC137" s="110"/>
      <c r="AD137" s="110"/>
      <c r="AE137" s="110"/>
      <c r="AF137" s="110"/>
      <c r="AG137" s="110"/>
      <c r="AH137" s="110"/>
      <c r="AI137" s="110"/>
      <c r="AJ137" s="110"/>
      <c r="AK137" s="110"/>
      <c r="AL137" s="110"/>
      <c r="AM137" s="110"/>
      <c r="AN137" s="110"/>
      <c r="AO137" s="111"/>
    </row>
    <row r="138" spans="1:41" ht="9.75" customHeight="1">
      <c r="A138" s="109"/>
      <c r="B138" s="110"/>
      <c r="C138" s="110"/>
      <c r="D138" s="110"/>
      <c r="E138" s="110"/>
      <c r="F138" s="110"/>
      <c r="G138" s="110"/>
      <c r="H138" s="110"/>
      <c r="I138" s="110"/>
      <c r="J138" s="110"/>
      <c r="K138" s="110"/>
      <c r="L138" s="110"/>
      <c r="M138" s="110"/>
      <c r="N138" s="110"/>
      <c r="O138" s="110"/>
      <c r="P138" s="110"/>
      <c r="Q138" s="110"/>
      <c r="R138" s="110"/>
      <c r="S138" s="110"/>
      <c r="T138" s="110"/>
      <c r="U138" s="110"/>
      <c r="V138" s="110"/>
      <c r="W138" s="110"/>
      <c r="X138" s="110"/>
      <c r="Y138" s="110"/>
      <c r="Z138" s="110"/>
      <c r="AA138" s="110"/>
      <c r="AB138" s="110"/>
      <c r="AC138" s="110"/>
      <c r="AD138" s="110"/>
      <c r="AE138" s="110"/>
      <c r="AF138" s="110"/>
      <c r="AG138" s="110"/>
      <c r="AH138" s="110"/>
      <c r="AI138" s="110"/>
      <c r="AJ138" s="110"/>
      <c r="AK138" s="110"/>
      <c r="AL138" s="110"/>
      <c r="AM138" s="110"/>
      <c r="AN138" s="110"/>
      <c r="AO138" s="111"/>
    </row>
    <row r="139" spans="1:41" ht="9.75" customHeight="1">
      <c r="A139" s="109"/>
      <c r="B139" s="110"/>
      <c r="C139" s="110"/>
      <c r="D139" s="110"/>
      <c r="E139" s="110"/>
      <c r="F139" s="110"/>
      <c r="G139" s="110"/>
      <c r="H139" s="110"/>
      <c r="I139" s="110"/>
      <c r="J139" s="110"/>
      <c r="K139" s="110"/>
      <c r="L139" s="110"/>
      <c r="M139" s="110"/>
      <c r="N139" s="110"/>
      <c r="O139" s="110"/>
      <c r="P139" s="110"/>
      <c r="Q139" s="110"/>
      <c r="R139" s="110"/>
      <c r="S139" s="110"/>
      <c r="T139" s="110"/>
      <c r="U139" s="110"/>
      <c r="V139" s="110"/>
      <c r="W139" s="110"/>
      <c r="X139" s="110"/>
      <c r="Y139" s="110"/>
      <c r="Z139" s="110"/>
      <c r="AA139" s="110"/>
      <c r="AB139" s="110"/>
      <c r="AC139" s="110"/>
      <c r="AD139" s="110"/>
      <c r="AE139" s="110"/>
      <c r="AF139" s="110"/>
      <c r="AG139" s="110"/>
      <c r="AH139" s="110"/>
      <c r="AI139" s="110"/>
      <c r="AJ139" s="110"/>
      <c r="AK139" s="110"/>
      <c r="AL139" s="110"/>
      <c r="AM139" s="110"/>
      <c r="AN139" s="110"/>
      <c r="AO139" s="111"/>
    </row>
    <row r="140" spans="1:41" ht="9.75" customHeight="1">
      <c r="A140" s="109"/>
      <c r="B140" s="110"/>
      <c r="C140" s="110"/>
      <c r="D140" s="110"/>
      <c r="E140" s="110"/>
      <c r="F140" s="110"/>
      <c r="G140" s="110"/>
      <c r="H140" s="110"/>
      <c r="I140" s="110"/>
      <c r="J140" s="110"/>
      <c r="K140" s="110"/>
      <c r="L140" s="110"/>
      <c r="M140" s="110"/>
      <c r="N140" s="110"/>
      <c r="O140" s="110"/>
      <c r="P140" s="110"/>
      <c r="Q140" s="110"/>
      <c r="R140" s="110"/>
      <c r="S140" s="110"/>
      <c r="T140" s="110"/>
      <c r="U140" s="110"/>
      <c r="V140" s="110"/>
      <c r="W140" s="110"/>
      <c r="X140" s="110"/>
      <c r="Y140" s="110"/>
      <c r="Z140" s="110"/>
      <c r="AA140" s="110"/>
      <c r="AB140" s="110"/>
      <c r="AC140" s="110"/>
      <c r="AD140" s="110"/>
      <c r="AE140" s="110"/>
      <c r="AF140" s="110"/>
      <c r="AG140" s="110"/>
      <c r="AH140" s="110"/>
      <c r="AI140" s="110"/>
      <c r="AJ140" s="110"/>
      <c r="AK140" s="110"/>
      <c r="AL140" s="110"/>
      <c r="AM140" s="110"/>
      <c r="AN140" s="110"/>
      <c r="AO140" s="111"/>
    </row>
    <row r="141" spans="1:41" ht="9.75" customHeight="1">
      <c r="A141" s="109"/>
      <c r="B141" s="110"/>
      <c r="C141" s="110"/>
      <c r="D141" s="110"/>
      <c r="E141" s="110"/>
      <c r="F141" s="110"/>
      <c r="G141" s="110"/>
      <c r="H141" s="110"/>
      <c r="I141" s="110"/>
      <c r="J141" s="110"/>
      <c r="K141" s="110"/>
      <c r="L141" s="110"/>
      <c r="M141" s="110"/>
      <c r="N141" s="110"/>
      <c r="O141" s="110"/>
      <c r="P141" s="110"/>
      <c r="Q141" s="110"/>
      <c r="R141" s="110"/>
      <c r="S141" s="110"/>
      <c r="T141" s="110"/>
      <c r="U141" s="110"/>
      <c r="V141" s="110"/>
      <c r="W141" s="110"/>
      <c r="X141" s="110"/>
      <c r="Y141" s="110"/>
      <c r="Z141" s="110"/>
      <c r="AA141" s="110"/>
      <c r="AB141" s="110"/>
      <c r="AC141" s="110"/>
      <c r="AD141" s="110"/>
      <c r="AE141" s="110"/>
      <c r="AF141" s="110"/>
      <c r="AG141" s="110"/>
      <c r="AH141" s="110"/>
      <c r="AI141" s="110"/>
      <c r="AJ141" s="110"/>
      <c r="AK141" s="110"/>
      <c r="AL141" s="110"/>
      <c r="AM141" s="110"/>
      <c r="AN141" s="110"/>
      <c r="AO141" s="111"/>
    </row>
    <row r="142" spans="1:41" ht="9.75" customHeight="1">
      <c r="A142" s="109"/>
      <c r="B142" s="110"/>
      <c r="C142" s="110"/>
      <c r="D142" s="110"/>
      <c r="E142" s="110"/>
      <c r="F142" s="110"/>
      <c r="G142" s="110"/>
      <c r="H142" s="110"/>
      <c r="I142" s="110"/>
      <c r="J142" s="110"/>
      <c r="K142" s="110"/>
      <c r="L142" s="110"/>
      <c r="M142" s="110"/>
      <c r="N142" s="110"/>
      <c r="O142" s="110"/>
      <c r="P142" s="110"/>
      <c r="Q142" s="110"/>
      <c r="R142" s="110"/>
      <c r="S142" s="110"/>
      <c r="T142" s="110"/>
      <c r="U142" s="110"/>
      <c r="V142" s="110"/>
      <c r="W142" s="110"/>
      <c r="X142" s="110"/>
      <c r="Y142" s="110"/>
      <c r="Z142" s="110"/>
      <c r="AA142" s="110"/>
      <c r="AB142" s="110"/>
      <c r="AC142" s="110"/>
      <c r="AD142" s="110"/>
      <c r="AE142" s="110"/>
      <c r="AF142" s="110"/>
      <c r="AG142" s="110"/>
      <c r="AH142" s="110"/>
      <c r="AI142" s="110"/>
      <c r="AJ142" s="110"/>
      <c r="AK142" s="110"/>
      <c r="AL142" s="110"/>
      <c r="AM142" s="110"/>
      <c r="AN142" s="110"/>
      <c r="AO142" s="111"/>
    </row>
    <row r="143" spans="1:41" ht="9.75" customHeight="1">
      <c r="A143" s="109"/>
      <c r="B143" s="110"/>
      <c r="C143" s="110"/>
      <c r="D143" s="110"/>
      <c r="E143" s="110"/>
      <c r="F143" s="110"/>
      <c r="G143" s="110"/>
      <c r="H143" s="110"/>
      <c r="I143" s="110"/>
      <c r="J143" s="110"/>
      <c r="K143" s="110"/>
      <c r="L143" s="110"/>
      <c r="M143" s="110"/>
      <c r="N143" s="110"/>
      <c r="O143" s="110"/>
      <c r="P143" s="110"/>
      <c r="Q143" s="110"/>
      <c r="R143" s="110"/>
      <c r="S143" s="110"/>
      <c r="T143" s="110"/>
      <c r="U143" s="110"/>
      <c r="V143" s="110"/>
      <c r="W143" s="110"/>
      <c r="X143" s="110"/>
      <c r="Y143" s="110"/>
      <c r="Z143" s="110"/>
      <c r="AA143" s="110"/>
      <c r="AB143" s="110"/>
      <c r="AC143" s="110"/>
      <c r="AD143" s="110"/>
      <c r="AE143" s="110"/>
      <c r="AF143" s="110"/>
      <c r="AG143" s="110"/>
      <c r="AH143" s="110"/>
      <c r="AI143" s="110"/>
      <c r="AJ143" s="110"/>
      <c r="AK143" s="110"/>
      <c r="AL143" s="110"/>
      <c r="AM143" s="110"/>
      <c r="AN143" s="110"/>
      <c r="AO143" s="111"/>
    </row>
    <row r="144" spans="1:41" ht="9.75" customHeight="1">
      <c r="A144" s="109"/>
      <c r="B144" s="110"/>
      <c r="C144" s="110"/>
      <c r="D144" s="110"/>
      <c r="E144" s="110"/>
      <c r="F144" s="110"/>
      <c r="G144" s="110"/>
      <c r="H144" s="110"/>
      <c r="I144" s="110"/>
      <c r="J144" s="110"/>
      <c r="K144" s="110"/>
      <c r="L144" s="110"/>
      <c r="M144" s="110"/>
      <c r="N144" s="110"/>
      <c r="O144" s="110"/>
      <c r="P144" s="110"/>
      <c r="Q144" s="110"/>
      <c r="R144" s="110"/>
      <c r="S144" s="110"/>
      <c r="T144" s="110"/>
      <c r="U144" s="110"/>
      <c r="V144" s="110"/>
      <c r="W144" s="110"/>
      <c r="X144" s="110"/>
      <c r="Y144" s="110"/>
      <c r="Z144" s="110"/>
      <c r="AA144" s="110"/>
      <c r="AB144" s="110"/>
      <c r="AC144" s="110"/>
      <c r="AD144" s="110"/>
      <c r="AE144" s="110"/>
      <c r="AF144" s="110"/>
      <c r="AG144" s="110"/>
      <c r="AH144" s="110"/>
      <c r="AI144" s="110"/>
      <c r="AJ144" s="110"/>
      <c r="AK144" s="110"/>
      <c r="AL144" s="110"/>
      <c r="AM144" s="110"/>
      <c r="AN144" s="110"/>
      <c r="AO144" s="111"/>
    </row>
    <row r="145" spans="1:41" ht="9.75" customHeight="1">
      <c r="A145" s="109"/>
      <c r="B145" s="110"/>
      <c r="C145" s="110"/>
      <c r="D145" s="110"/>
      <c r="E145" s="110"/>
      <c r="F145" s="110"/>
      <c r="G145" s="110"/>
      <c r="H145" s="110"/>
      <c r="I145" s="110"/>
      <c r="J145" s="110"/>
      <c r="K145" s="110"/>
      <c r="L145" s="110"/>
      <c r="M145" s="110"/>
      <c r="N145" s="110"/>
      <c r="O145" s="110"/>
      <c r="P145" s="110"/>
      <c r="Q145" s="110"/>
      <c r="R145" s="110"/>
      <c r="S145" s="110"/>
      <c r="T145" s="110"/>
      <c r="U145" s="110"/>
      <c r="V145" s="110"/>
      <c r="W145" s="110"/>
      <c r="X145" s="110"/>
      <c r="Y145" s="110"/>
      <c r="Z145" s="110"/>
      <c r="AA145" s="110"/>
      <c r="AB145" s="110"/>
      <c r="AC145" s="110"/>
      <c r="AD145" s="110"/>
      <c r="AE145" s="110"/>
      <c r="AF145" s="110"/>
      <c r="AG145" s="110"/>
      <c r="AH145" s="110"/>
      <c r="AI145" s="110"/>
      <c r="AJ145" s="110"/>
      <c r="AK145" s="110"/>
      <c r="AL145" s="110"/>
      <c r="AM145" s="110"/>
      <c r="AN145" s="110"/>
      <c r="AO145" s="111"/>
    </row>
    <row r="146" spans="1:41" ht="9.75" customHeight="1">
      <c r="A146" s="109"/>
      <c r="B146" s="110"/>
      <c r="C146" s="110"/>
      <c r="D146" s="110"/>
      <c r="E146" s="110"/>
      <c r="F146" s="110"/>
      <c r="G146" s="110"/>
      <c r="H146" s="110"/>
      <c r="I146" s="110"/>
      <c r="J146" s="110"/>
      <c r="K146" s="110"/>
      <c r="L146" s="110"/>
      <c r="M146" s="110"/>
      <c r="N146" s="110"/>
      <c r="O146" s="110"/>
      <c r="P146" s="110"/>
      <c r="Q146" s="110"/>
      <c r="R146" s="110"/>
      <c r="S146" s="110"/>
      <c r="T146" s="110"/>
      <c r="U146" s="110"/>
      <c r="V146" s="110"/>
      <c r="W146" s="110"/>
      <c r="X146" s="110"/>
      <c r="Y146" s="110"/>
      <c r="Z146" s="110"/>
      <c r="AA146" s="110"/>
      <c r="AB146" s="110"/>
      <c r="AC146" s="110"/>
      <c r="AD146" s="110"/>
      <c r="AE146" s="110"/>
      <c r="AF146" s="110"/>
      <c r="AG146" s="110"/>
      <c r="AH146" s="110"/>
      <c r="AI146" s="110"/>
      <c r="AJ146" s="110"/>
      <c r="AK146" s="110"/>
      <c r="AL146" s="110"/>
      <c r="AM146" s="110"/>
      <c r="AN146" s="110"/>
      <c r="AO146" s="111"/>
    </row>
    <row r="147" spans="1:41" ht="9.75" customHeight="1">
      <c r="A147" s="109"/>
      <c r="B147" s="110"/>
      <c r="C147" s="110"/>
      <c r="D147" s="110"/>
      <c r="E147" s="110"/>
      <c r="F147" s="110"/>
      <c r="G147" s="110"/>
      <c r="H147" s="110"/>
      <c r="I147" s="110"/>
      <c r="J147" s="110"/>
      <c r="K147" s="110"/>
      <c r="L147" s="110"/>
      <c r="M147" s="110"/>
      <c r="N147" s="110"/>
      <c r="O147" s="110"/>
      <c r="P147" s="110"/>
      <c r="Q147" s="110"/>
      <c r="R147" s="110"/>
      <c r="S147" s="110"/>
      <c r="T147" s="110"/>
      <c r="U147" s="110"/>
      <c r="V147" s="110"/>
      <c r="W147" s="110"/>
      <c r="X147" s="110"/>
      <c r="Y147" s="110"/>
      <c r="Z147" s="110"/>
      <c r="AA147" s="110"/>
      <c r="AB147" s="110"/>
      <c r="AC147" s="110"/>
      <c r="AD147" s="110"/>
      <c r="AE147" s="110"/>
      <c r="AF147" s="110"/>
      <c r="AG147" s="110"/>
      <c r="AH147" s="110"/>
      <c r="AI147" s="110"/>
      <c r="AJ147" s="110"/>
      <c r="AK147" s="110"/>
      <c r="AL147" s="110"/>
      <c r="AM147" s="110"/>
      <c r="AN147" s="110"/>
      <c r="AO147" s="111"/>
    </row>
    <row r="148" spans="1:41" ht="9.75" customHeight="1">
      <c r="A148" s="109"/>
      <c r="B148" s="110"/>
      <c r="C148" s="110"/>
      <c r="D148" s="110"/>
      <c r="E148" s="110"/>
      <c r="F148" s="110"/>
      <c r="G148" s="110"/>
      <c r="H148" s="110"/>
      <c r="I148" s="110"/>
      <c r="J148" s="110"/>
      <c r="K148" s="110"/>
      <c r="L148" s="110"/>
      <c r="M148" s="110"/>
      <c r="N148" s="110"/>
      <c r="O148" s="110"/>
      <c r="P148" s="110"/>
      <c r="Q148" s="110"/>
      <c r="R148" s="110"/>
      <c r="S148" s="110"/>
      <c r="T148" s="110"/>
      <c r="U148" s="110"/>
      <c r="V148" s="110"/>
      <c r="W148" s="110"/>
      <c r="X148" s="110"/>
      <c r="Y148" s="110"/>
      <c r="Z148" s="110"/>
      <c r="AA148" s="110"/>
      <c r="AB148" s="110"/>
      <c r="AC148" s="110"/>
      <c r="AD148" s="110"/>
      <c r="AE148" s="110"/>
      <c r="AF148" s="110"/>
      <c r="AG148" s="110"/>
      <c r="AH148" s="110"/>
      <c r="AI148" s="110"/>
      <c r="AJ148" s="110"/>
      <c r="AK148" s="110"/>
      <c r="AL148" s="110"/>
      <c r="AM148" s="110"/>
      <c r="AN148" s="110"/>
      <c r="AO148" s="111"/>
    </row>
    <row r="149" spans="1:41" ht="9.75" customHeight="1">
      <c r="A149" s="109"/>
      <c r="B149" s="110"/>
      <c r="C149" s="110"/>
      <c r="D149" s="110"/>
      <c r="E149" s="110"/>
      <c r="F149" s="110"/>
      <c r="G149" s="110"/>
      <c r="H149" s="110"/>
      <c r="I149" s="110"/>
      <c r="J149" s="110"/>
      <c r="K149" s="110"/>
      <c r="L149" s="110"/>
      <c r="M149" s="110"/>
      <c r="N149" s="110"/>
      <c r="O149" s="110"/>
      <c r="P149" s="110"/>
      <c r="Q149" s="110"/>
      <c r="R149" s="110"/>
      <c r="S149" s="110"/>
      <c r="T149" s="110"/>
      <c r="U149" s="110"/>
      <c r="V149" s="110"/>
      <c r="W149" s="110"/>
      <c r="X149" s="110"/>
      <c r="Y149" s="110"/>
      <c r="Z149" s="110"/>
      <c r="AA149" s="110"/>
      <c r="AB149" s="110"/>
      <c r="AC149" s="110"/>
      <c r="AD149" s="110"/>
      <c r="AE149" s="110"/>
      <c r="AF149" s="110"/>
      <c r="AG149" s="110"/>
      <c r="AH149" s="110"/>
      <c r="AI149" s="110"/>
      <c r="AJ149" s="110"/>
      <c r="AK149" s="110"/>
      <c r="AL149" s="110"/>
      <c r="AM149" s="110"/>
      <c r="AN149" s="110"/>
      <c r="AO149" s="111"/>
    </row>
    <row r="150" spans="1:41" ht="9.75" customHeight="1">
      <c r="A150" s="109"/>
      <c r="B150" s="110"/>
      <c r="C150" s="110"/>
      <c r="D150" s="110"/>
      <c r="E150" s="110"/>
      <c r="F150" s="110"/>
      <c r="G150" s="110"/>
      <c r="H150" s="110"/>
      <c r="I150" s="110"/>
      <c r="J150" s="110"/>
      <c r="K150" s="110"/>
      <c r="L150" s="110"/>
      <c r="M150" s="110"/>
      <c r="N150" s="110"/>
      <c r="O150" s="110"/>
      <c r="P150" s="110"/>
      <c r="Q150" s="110"/>
      <c r="R150" s="110"/>
      <c r="S150" s="110"/>
      <c r="T150" s="110"/>
      <c r="U150" s="110"/>
      <c r="V150" s="110"/>
      <c r="W150" s="110"/>
      <c r="X150" s="110"/>
      <c r="Y150" s="110"/>
      <c r="Z150" s="110"/>
      <c r="AA150" s="110"/>
      <c r="AB150" s="110"/>
      <c r="AC150" s="110"/>
      <c r="AD150" s="110"/>
      <c r="AE150" s="110"/>
      <c r="AF150" s="110"/>
      <c r="AG150" s="110"/>
      <c r="AH150" s="110"/>
      <c r="AI150" s="110"/>
      <c r="AJ150" s="110"/>
      <c r="AK150" s="110"/>
      <c r="AL150" s="110"/>
      <c r="AM150" s="110"/>
      <c r="AN150" s="110"/>
      <c r="AO150" s="111"/>
    </row>
    <row r="151" spans="1:41" ht="9.75" customHeight="1">
      <c r="A151" s="109"/>
      <c r="B151" s="110"/>
      <c r="C151" s="110"/>
      <c r="D151" s="110"/>
      <c r="E151" s="110"/>
      <c r="F151" s="110"/>
      <c r="G151" s="110"/>
      <c r="H151" s="110"/>
      <c r="I151" s="110"/>
      <c r="J151" s="110"/>
      <c r="K151" s="110"/>
      <c r="L151" s="110"/>
      <c r="M151" s="110"/>
      <c r="N151" s="110"/>
      <c r="O151" s="110"/>
      <c r="P151" s="110"/>
      <c r="Q151" s="110"/>
      <c r="R151" s="110"/>
      <c r="S151" s="110"/>
      <c r="T151" s="110"/>
      <c r="U151" s="110"/>
      <c r="V151" s="110"/>
      <c r="W151" s="110"/>
      <c r="X151" s="110"/>
      <c r="Y151" s="110"/>
      <c r="Z151" s="110"/>
      <c r="AA151" s="110"/>
      <c r="AB151" s="110"/>
      <c r="AC151" s="110"/>
      <c r="AD151" s="110"/>
      <c r="AE151" s="110"/>
      <c r="AF151" s="110"/>
      <c r="AG151" s="110"/>
      <c r="AH151" s="110"/>
      <c r="AI151" s="110"/>
      <c r="AJ151" s="110"/>
      <c r="AK151" s="110"/>
      <c r="AL151" s="110"/>
      <c r="AM151" s="110"/>
      <c r="AN151" s="110"/>
      <c r="AO151" s="111"/>
    </row>
    <row r="152" spans="1:41" ht="9.75" customHeight="1">
      <c r="A152" s="109"/>
      <c r="B152" s="110"/>
      <c r="C152" s="110"/>
      <c r="D152" s="110"/>
      <c r="E152" s="110"/>
      <c r="F152" s="110"/>
      <c r="G152" s="110"/>
      <c r="H152" s="110"/>
      <c r="I152" s="110"/>
      <c r="J152" s="110"/>
      <c r="K152" s="110"/>
      <c r="L152" s="110"/>
      <c r="M152" s="110"/>
      <c r="N152" s="110"/>
      <c r="O152" s="110"/>
      <c r="P152" s="110"/>
      <c r="Q152" s="110"/>
      <c r="R152" s="110"/>
      <c r="S152" s="110"/>
      <c r="T152" s="110"/>
      <c r="U152" s="110"/>
      <c r="V152" s="110"/>
      <c r="W152" s="110"/>
      <c r="X152" s="110"/>
      <c r="Y152" s="110"/>
      <c r="Z152" s="110"/>
      <c r="AA152" s="110"/>
      <c r="AB152" s="110"/>
      <c r="AC152" s="110"/>
      <c r="AD152" s="110"/>
      <c r="AE152" s="110"/>
      <c r="AF152" s="110"/>
      <c r="AG152" s="110"/>
      <c r="AH152" s="110"/>
      <c r="AI152" s="110"/>
      <c r="AJ152" s="110"/>
      <c r="AK152" s="110"/>
      <c r="AL152" s="110"/>
      <c r="AM152" s="110"/>
      <c r="AN152" s="110"/>
      <c r="AO152" s="111"/>
    </row>
    <row r="153" spans="1:41" ht="9.75" customHeight="1">
      <c r="A153" s="109"/>
      <c r="B153" s="110"/>
      <c r="C153" s="110"/>
      <c r="D153" s="110"/>
      <c r="E153" s="110"/>
      <c r="F153" s="110"/>
      <c r="G153" s="110"/>
      <c r="H153" s="110"/>
      <c r="I153" s="110"/>
      <c r="J153" s="110"/>
      <c r="K153" s="110"/>
      <c r="L153" s="110"/>
      <c r="M153" s="110"/>
      <c r="N153" s="110"/>
      <c r="O153" s="110"/>
      <c r="P153" s="110"/>
      <c r="Q153" s="110"/>
      <c r="R153" s="110"/>
      <c r="S153" s="110"/>
      <c r="T153" s="110"/>
      <c r="U153" s="110"/>
      <c r="V153" s="110"/>
      <c r="W153" s="110"/>
      <c r="X153" s="110"/>
      <c r="Y153" s="110"/>
      <c r="Z153" s="110"/>
      <c r="AA153" s="110"/>
      <c r="AB153" s="110"/>
      <c r="AC153" s="110"/>
      <c r="AD153" s="110"/>
      <c r="AE153" s="110"/>
      <c r="AF153" s="110"/>
      <c r="AG153" s="110"/>
      <c r="AH153" s="110"/>
      <c r="AI153" s="110"/>
      <c r="AJ153" s="110"/>
      <c r="AK153" s="110"/>
      <c r="AL153" s="110"/>
      <c r="AM153" s="110"/>
      <c r="AN153" s="110"/>
      <c r="AO153" s="111"/>
    </row>
    <row r="154" spans="1:41" ht="9.75" customHeight="1">
      <c r="A154" s="109"/>
      <c r="B154" s="110"/>
      <c r="C154" s="110"/>
      <c r="D154" s="110"/>
      <c r="E154" s="110"/>
      <c r="F154" s="110"/>
      <c r="G154" s="110"/>
      <c r="H154" s="110"/>
      <c r="I154" s="110"/>
      <c r="J154" s="110"/>
      <c r="K154" s="110"/>
      <c r="L154" s="110"/>
      <c r="M154" s="110"/>
      <c r="N154" s="110"/>
      <c r="O154" s="110"/>
      <c r="P154" s="110"/>
      <c r="Q154" s="110"/>
      <c r="R154" s="110"/>
      <c r="S154" s="110"/>
      <c r="T154" s="110"/>
      <c r="U154" s="110"/>
      <c r="V154" s="110"/>
      <c r="W154" s="110"/>
      <c r="X154" s="110"/>
      <c r="Y154" s="110"/>
      <c r="Z154" s="110"/>
      <c r="AA154" s="110"/>
      <c r="AB154" s="110"/>
      <c r="AC154" s="110"/>
      <c r="AD154" s="110"/>
      <c r="AE154" s="110"/>
      <c r="AF154" s="110"/>
      <c r="AG154" s="110"/>
      <c r="AH154" s="110"/>
      <c r="AI154" s="110"/>
      <c r="AJ154" s="110"/>
      <c r="AK154" s="110"/>
      <c r="AL154" s="110"/>
      <c r="AM154" s="110"/>
      <c r="AN154" s="110"/>
      <c r="AO154" s="111"/>
    </row>
    <row r="155" spans="1:41" ht="9.75" customHeight="1">
      <c r="A155" s="109"/>
      <c r="B155" s="110"/>
      <c r="C155" s="110"/>
      <c r="D155" s="110"/>
      <c r="E155" s="110"/>
      <c r="F155" s="110"/>
      <c r="G155" s="110"/>
      <c r="H155" s="110"/>
      <c r="I155" s="110"/>
      <c r="J155" s="110"/>
      <c r="K155" s="110"/>
      <c r="L155" s="110"/>
      <c r="M155" s="110"/>
      <c r="N155" s="110"/>
      <c r="O155" s="110"/>
      <c r="P155" s="110"/>
      <c r="Q155" s="110"/>
      <c r="R155" s="110"/>
      <c r="S155" s="110"/>
      <c r="T155" s="110"/>
      <c r="U155" s="110"/>
      <c r="V155" s="110"/>
      <c r="W155" s="110"/>
      <c r="X155" s="110"/>
      <c r="Y155" s="110"/>
      <c r="Z155" s="110"/>
      <c r="AA155" s="110"/>
      <c r="AB155" s="110"/>
      <c r="AC155" s="110"/>
      <c r="AD155" s="110"/>
      <c r="AE155" s="110"/>
      <c r="AF155" s="110"/>
      <c r="AG155" s="110"/>
      <c r="AH155" s="110"/>
      <c r="AI155" s="110"/>
      <c r="AJ155" s="110"/>
      <c r="AK155" s="110"/>
      <c r="AL155" s="110"/>
      <c r="AM155" s="110"/>
      <c r="AN155" s="110"/>
      <c r="AO155" s="111"/>
    </row>
    <row r="156" spans="1:41" ht="9.75" customHeight="1">
      <c r="A156" s="109"/>
      <c r="B156" s="110"/>
      <c r="C156" s="110"/>
      <c r="D156" s="110"/>
      <c r="E156" s="110"/>
      <c r="F156" s="110"/>
      <c r="G156" s="110"/>
      <c r="H156" s="110"/>
      <c r="I156" s="110"/>
      <c r="J156" s="110"/>
      <c r="K156" s="110"/>
      <c r="L156" s="110"/>
      <c r="M156" s="110"/>
      <c r="N156" s="110"/>
      <c r="O156" s="110"/>
      <c r="P156" s="110"/>
      <c r="Q156" s="110"/>
      <c r="R156" s="110"/>
      <c r="S156" s="110"/>
      <c r="T156" s="110"/>
      <c r="U156" s="110"/>
      <c r="V156" s="110"/>
      <c r="W156" s="110"/>
      <c r="X156" s="110"/>
      <c r="Y156" s="110"/>
      <c r="Z156" s="110"/>
      <c r="AA156" s="110"/>
      <c r="AB156" s="110"/>
      <c r="AC156" s="110"/>
      <c r="AD156" s="110"/>
      <c r="AE156" s="110"/>
      <c r="AF156" s="110"/>
      <c r="AG156" s="110"/>
      <c r="AH156" s="110"/>
      <c r="AI156" s="110"/>
      <c r="AJ156" s="110"/>
      <c r="AK156" s="110"/>
      <c r="AL156" s="110"/>
      <c r="AM156" s="110"/>
      <c r="AN156" s="110"/>
      <c r="AO156" s="111"/>
    </row>
    <row r="157" spans="1:41" ht="9.75" customHeight="1">
      <c r="A157" s="109"/>
      <c r="B157" s="110"/>
      <c r="C157" s="110"/>
      <c r="D157" s="110"/>
      <c r="E157" s="110"/>
      <c r="F157" s="110"/>
      <c r="G157" s="110"/>
      <c r="H157" s="110"/>
      <c r="I157" s="110"/>
      <c r="J157" s="110"/>
      <c r="K157" s="110"/>
      <c r="L157" s="110"/>
      <c r="M157" s="110"/>
      <c r="N157" s="110"/>
      <c r="O157" s="110"/>
      <c r="P157" s="110"/>
      <c r="Q157" s="110"/>
      <c r="R157" s="110"/>
      <c r="S157" s="110"/>
      <c r="T157" s="110"/>
      <c r="U157" s="110"/>
      <c r="V157" s="110"/>
      <c r="W157" s="110"/>
      <c r="X157" s="110"/>
      <c r="Y157" s="110"/>
      <c r="Z157" s="110"/>
      <c r="AA157" s="110"/>
      <c r="AB157" s="110"/>
      <c r="AC157" s="110"/>
      <c r="AD157" s="110"/>
      <c r="AE157" s="110"/>
      <c r="AF157" s="110"/>
      <c r="AG157" s="110"/>
      <c r="AH157" s="110"/>
      <c r="AI157" s="110"/>
      <c r="AJ157" s="110"/>
      <c r="AK157" s="110"/>
      <c r="AL157" s="110"/>
      <c r="AM157" s="110"/>
      <c r="AN157" s="110"/>
      <c r="AO157" s="111"/>
    </row>
    <row r="158" spans="1:41" ht="9.75" customHeight="1">
      <c r="A158" s="109"/>
      <c r="B158" s="110"/>
      <c r="C158" s="110"/>
      <c r="D158" s="110"/>
      <c r="E158" s="110"/>
      <c r="F158" s="110"/>
      <c r="G158" s="110"/>
      <c r="H158" s="110"/>
      <c r="I158" s="110"/>
      <c r="J158" s="110"/>
      <c r="K158" s="110"/>
      <c r="L158" s="110"/>
      <c r="M158" s="110"/>
      <c r="N158" s="110"/>
      <c r="O158" s="110"/>
      <c r="P158" s="110"/>
      <c r="Q158" s="110"/>
      <c r="R158" s="110"/>
      <c r="S158" s="110"/>
      <c r="T158" s="110"/>
      <c r="U158" s="110"/>
      <c r="V158" s="110"/>
      <c r="W158" s="110"/>
      <c r="X158" s="110"/>
      <c r="Y158" s="110"/>
      <c r="Z158" s="110"/>
      <c r="AA158" s="110"/>
      <c r="AB158" s="110"/>
      <c r="AC158" s="110"/>
      <c r="AD158" s="110"/>
      <c r="AE158" s="110"/>
      <c r="AF158" s="110"/>
      <c r="AG158" s="110"/>
      <c r="AH158" s="110"/>
      <c r="AI158" s="110"/>
      <c r="AJ158" s="110"/>
      <c r="AK158" s="110"/>
      <c r="AL158" s="110"/>
      <c r="AM158" s="110"/>
      <c r="AN158" s="110"/>
      <c r="AO158" s="111"/>
    </row>
    <row r="159" spans="1:41" ht="9.75" customHeight="1">
      <c r="A159" s="109"/>
      <c r="B159" s="110"/>
      <c r="C159" s="110"/>
      <c r="D159" s="110"/>
      <c r="E159" s="110"/>
      <c r="F159" s="110"/>
      <c r="G159" s="110"/>
      <c r="H159" s="110"/>
      <c r="I159" s="110"/>
      <c r="J159" s="110"/>
      <c r="K159" s="110"/>
      <c r="L159" s="110"/>
      <c r="M159" s="110"/>
      <c r="N159" s="110"/>
      <c r="O159" s="110"/>
      <c r="P159" s="110"/>
      <c r="Q159" s="110"/>
      <c r="R159" s="110"/>
      <c r="S159" s="110"/>
      <c r="T159" s="110"/>
      <c r="U159" s="110"/>
      <c r="V159" s="110"/>
      <c r="W159" s="110"/>
      <c r="X159" s="110"/>
      <c r="Y159" s="110"/>
      <c r="Z159" s="110"/>
      <c r="AA159" s="110"/>
      <c r="AB159" s="110"/>
      <c r="AC159" s="110"/>
      <c r="AD159" s="110"/>
      <c r="AE159" s="110"/>
      <c r="AF159" s="110"/>
      <c r="AG159" s="110"/>
      <c r="AH159" s="110"/>
      <c r="AI159" s="110"/>
      <c r="AJ159" s="110"/>
      <c r="AK159" s="110"/>
      <c r="AL159" s="110"/>
      <c r="AM159" s="110"/>
      <c r="AN159" s="110"/>
      <c r="AO159" s="111"/>
    </row>
    <row r="160" spans="1:41" ht="9.75" customHeight="1">
      <c r="A160" s="109"/>
      <c r="B160" s="110"/>
      <c r="C160" s="110"/>
      <c r="D160" s="110"/>
      <c r="E160" s="110"/>
      <c r="F160" s="110"/>
      <c r="G160" s="110"/>
      <c r="H160" s="110"/>
      <c r="I160" s="110"/>
      <c r="J160" s="110"/>
      <c r="K160" s="110"/>
      <c r="L160" s="110"/>
      <c r="M160" s="110"/>
      <c r="N160" s="110"/>
      <c r="O160" s="110"/>
      <c r="P160" s="110"/>
      <c r="Q160" s="110"/>
      <c r="R160" s="110"/>
      <c r="S160" s="110"/>
      <c r="T160" s="110"/>
      <c r="U160" s="110"/>
      <c r="V160" s="110"/>
      <c r="W160" s="110"/>
      <c r="X160" s="110"/>
      <c r="Y160" s="110"/>
      <c r="Z160" s="110"/>
      <c r="AA160" s="110"/>
      <c r="AB160" s="110"/>
      <c r="AC160" s="110"/>
      <c r="AD160" s="110"/>
      <c r="AE160" s="110"/>
      <c r="AF160" s="110"/>
      <c r="AG160" s="110"/>
      <c r="AH160" s="110"/>
      <c r="AI160" s="110"/>
      <c r="AJ160" s="110"/>
      <c r="AK160" s="110"/>
      <c r="AL160" s="110"/>
      <c r="AM160" s="110"/>
      <c r="AN160" s="110"/>
      <c r="AO160" s="111"/>
    </row>
    <row r="161" spans="1:41" ht="9.75" customHeight="1">
      <c r="A161" s="109"/>
      <c r="B161" s="110"/>
      <c r="C161" s="110"/>
      <c r="D161" s="110"/>
      <c r="E161" s="110"/>
      <c r="F161" s="110"/>
      <c r="G161" s="110"/>
      <c r="H161" s="110"/>
      <c r="I161" s="110"/>
      <c r="J161" s="110"/>
      <c r="K161" s="110"/>
      <c r="L161" s="110"/>
      <c r="M161" s="110"/>
      <c r="N161" s="110"/>
      <c r="O161" s="110"/>
      <c r="P161" s="110"/>
      <c r="Q161" s="110"/>
      <c r="R161" s="110"/>
      <c r="S161" s="110"/>
      <c r="T161" s="110"/>
      <c r="U161" s="110"/>
      <c r="V161" s="110"/>
      <c r="W161" s="110"/>
      <c r="X161" s="110"/>
      <c r="Y161" s="110"/>
      <c r="Z161" s="110"/>
      <c r="AA161" s="110"/>
      <c r="AB161" s="110"/>
      <c r="AC161" s="110"/>
      <c r="AD161" s="110"/>
      <c r="AE161" s="110"/>
      <c r="AF161" s="110"/>
      <c r="AG161" s="110"/>
      <c r="AH161" s="110"/>
      <c r="AI161" s="110"/>
      <c r="AJ161" s="110"/>
      <c r="AK161" s="110"/>
      <c r="AL161" s="110"/>
      <c r="AM161" s="110"/>
      <c r="AN161" s="110"/>
      <c r="AO161" s="111"/>
    </row>
    <row r="162" spans="1:41" ht="9.75" customHeight="1">
      <c r="A162" s="109"/>
      <c r="B162" s="110"/>
      <c r="C162" s="110"/>
      <c r="D162" s="110"/>
      <c r="E162" s="110"/>
      <c r="F162" s="110"/>
      <c r="G162" s="110"/>
      <c r="H162" s="110"/>
      <c r="I162" s="110"/>
      <c r="J162" s="110"/>
      <c r="K162" s="110"/>
      <c r="L162" s="110"/>
      <c r="M162" s="110"/>
      <c r="N162" s="110"/>
      <c r="O162" s="110"/>
      <c r="P162" s="110"/>
      <c r="Q162" s="110"/>
      <c r="R162" s="110"/>
      <c r="S162" s="110"/>
      <c r="T162" s="110"/>
      <c r="U162" s="110"/>
      <c r="V162" s="110"/>
      <c r="W162" s="110"/>
      <c r="X162" s="110"/>
      <c r="Y162" s="110"/>
      <c r="Z162" s="110"/>
      <c r="AA162" s="110"/>
      <c r="AB162" s="110"/>
      <c r="AC162" s="110"/>
      <c r="AD162" s="110"/>
      <c r="AE162" s="110"/>
      <c r="AF162" s="110"/>
      <c r="AG162" s="110"/>
      <c r="AH162" s="110"/>
      <c r="AI162" s="110"/>
      <c r="AJ162" s="110"/>
      <c r="AK162" s="110"/>
      <c r="AL162" s="110"/>
      <c r="AM162" s="110"/>
      <c r="AN162" s="110"/>
      <c r="AO162" s="111"/>
    </row>
    <row r="163" spans="1:41" ht="9.75" customHeight="1">
      <c r="A163" s="109"/>
      <c r="B163" s="110"/>
      <c r="C163" s="110"/>
      <c r="D163" s="110"/>
      <c r="E163" s="110"/>
      <c r="F163" s="110"/>
      <c r="G163" s="110"/>
      <c r="H163" s="110"/>
      <c r="I163" s="110"/>
      <c r="J163" s="110"/>
      <c r="K163" s="110"/>
      <c r="L163" s="110"/>
      <c r="M163" s="110"/>
      <c r="N163" s="110"/>
      <c r="O163" s="110"/>
      <c r="P163" s="110"/>
      <c r="Q163" s="110"/>
      <c r="R163" s="110"/>
      <c r="S163" s="110"/>
      <c r="T163" s="110"/>
      <c r="U163" s="110"/>
      <c r="V163" s="110"/>
      <c r="W163" s="110"/>
      <c r="X163" s="110"/>
      <c r="Y163" s="110"/>
      <c r="Z163" s="110"/>
      <c r="AA163" s="110"/>
      <c r="AB163" s="110"/>
      <c r="AC163" s="110"/>
      <c r="AD163" s="110"/>
      <c r="AE163" s="110"/>
      <c r="AF163" s="110"/>
      <c r="AG163" s="110"/>
      <c r="AH163" s="110"/>
      <c r="AI163" s="110"/>
      <c r="AJ163" s="110"/>
      <c r="AK163" s="110"/>
      <c r="AL163" s="110"/>
      <c r="AM163" s="110"/>
      <c r="AN163" s="110"/>
      <c r="AO163" s="111"/>
    </row>
    <row r="164" spans="1:41" ht="9.75" customHeight="1">
      <c r="A164" s="109"/>
      <c r="B164" s="110"/>
      <c r="C164" s="110"/>
      <c r="D164" s="110"/>
      <c r="E164" s="110"/>
      <c r="F164" s="110"/>
      <c r="G164" s="110"/>
      <c r="H164" s="110"/>
      <c r="I164" s="110"/>
      <c r="J164" s="110"/>
      <c r="K164" s="110"/>
      <c r="L164" s="110"/>
      <c r="M164" s="110"/>
      <c r="N164" s="110"/>
      <c r="O164" s="110"/>
      <c r="P164" s="110"/>
      <c r="Q164" s="110"/>
      <c r="R164" s="110"/>
      <c r="S164" s="110"/>
      <c r="T164" s="110"/>
      <c r="U164" s="110"/>
      <c r="V164" s="110"/>
      <c r="W164" s="110"/>
      <c r="X164" s="110"/>
      <c r="Y164" s="110"/>
      <c r="Z164" s="110"/>
      <c r="AA164" s="110"/>
      <c r="AB164" s="110"/>
      <c r="AC164" s="110"/>
      <c r="AD164" s="110"/>
      <c r="AE164" s="110"/>
      <c r="AF164" s="110"/>
      <c r="AG164" s="110"/>
      <c r="AH164" s="110"/>
      <c r="AI164" s="110"/>
      <c r="AJ164" s="110"/>
      <c r="AK164" s="110"/>
      <c r="AL164" s="110"/>
      <c r="AM164" s="110"/>
      <c r="AN164" s="110"/>
      <c r="AO164" s="111"/>
    </row>
    <row r="165" spans="1:41" ht="9.75" customHeight="1">
      <c r="A165" s="109"/>
      <c r="B165" s="110"/>
      <c r="C165" s="110"/>
      <c r="D165" s="110"/>
      <c r="E165" s="110"/>
      <c r="F165" s="110"/>
      <c r="G165" s="110"/>
      <c r="H165" s="110"/>
      <c r="I165" s="110"/>
      <c r="J165" s="110"/>
      <c r="K165" s="110"/>
      <c r="L165" s="110"/>
      <c r="M165" s="110"/>
      <c r="N165" s="110"/>
      <c r="O165" s="110"/>
      <c r="P165" s="110"/>
      <c r="Q165" s="110"/>
      <c r="R165" s="110"/>
      <c r="S165" s="110"/>
      <c r="T165" s="110"/>
      <c r="U165" s="110"/>
      <c r="V165" s="110"/>
      <c r="W165" s="110"/>
      <c r="X165" s="110"/>
      <c r="Y165" s="110"/>
      <c r="Z165" s="110"/>
      <c r="AA165" s="110"/>
      <c r="AB165" s="110"/>
      <c r="AC165" s="110"/>
      <c r="AD165" s="110"/>
      <c r="AE165" s="110"/>
      <c r="AF165" s="110"/>
      <c r="AG165" s="110"/>
      <c r="AH165" s="110"/>
      <c r="AI165" s="110"/>
      <c r="AJ165" s="110"/>
      <c r="AK165" s="110"/>
      <c r="AL165" s="110"/>
      <c r="AM165" s="110"/>
      <c r="AN165" s="110"/>
      <c r="AO165" s="111"/>
    </row>
    <row r="166" spans="1:41" ht="9.75" customHeight="1">
      <c r="A166" s="109"/>
      <c r="B166" s="110"/>
      <c r="C166" s="110"/>
      <c r="D166" s="110"/>
      <c r="E166" s="110"/>
      <c r="F166" s="110"/>
      <c r="G166" s="110"/>
      <c r="H166" s="110"/>
      <c r="I166" s="110"/>
      <c r="J166" s="110"/>
      <c r="K166" s="110"/>
      <c r="L166" s="110"/>
      <c r="M166" s="110"/>
      <c r="N166" s="110"/>
      <c r="O166" s="110"/>
      <c r="P166" s="110"/>
      <c r="Q166" s="110"/>
      <c r="R166" s="110"/>
      <c r="S166" s="110"/>
      <c r="T166" s="110"/>
      <c r="U166" s="110"/>
      <c r="V166" s="110"/>
      <c r="W166" s="110"/>
      <c r="X166" s="110"/>
      <c r="Y166" s="110"/>
      <c r="Z166" s="110"/>
      <c r="AA166" s="110"/>
      <c r="AB166" s="110"/>
      <c r="AC166" s="110"/>
      <c r="AD166" s="110"/>
      <c r="AE166" s="110"/>
      <c r="AF166" s="110"/>
      <c r="AG166" s="110"/>
      <c r="AH166" s="110"/>
      <c r="AI166" s="110"/>
      <c r="AJ166" s="110"/>
      <c r="AK166" s="110"/>
      <c r="AL166" s="110"/>
      <c r="AM166" s="110"/>
      <c r="AN166" s="110"/>
      <c r="AO166" s="111"/>
    </row>
    <row r="167" spans="1:41" ht="9.75" customHeight="1">
      <c r="A167" s="109"/>
      <c r="B167" s="110"/>
      <c r="C167" s="110"/>
      <c r="D167" s="110"/>
      <c r="E167" s="110"/>
      <c r="F167" s="110"/>
      <c r="G167" s="110"/>
      <c r="H167" s="110"/>
      <c r="I167" s="110"/>
      <c r="J167" s="110"/>
      <c r="K167" s="110"/>
      <c r="L167" s="110"/>
      <c r="M167" s="110"/>
      <c r="N167" s="110"/>
      <c r="O167" s="110"/>
      <c r="P167" s="110"/>
      <c r="Q167" s="110"/>
      <c r="R167" s="110"/>
      <c r="S167" s="110"/>
      <c r="T167" s="110"/>
      <c r="U167" s="110"/>
      <c r="V167" s="110"/>
      <c r="W167" s="110"/>
      <c r="X167" s="110"/>
      <c r="Y167" s="110"/>
      <c r="Z167" s="110"/>
      <c r="AA167" s="110"/>
      <c r="AB167" s="110"/>
      <c r="AC167" s="110"/>
      <c r="AD167" s="110"/>
      <c r="AE167" s="110"/>
      <c r="AF167" s="110"/>
      <c r="AG167" s="110"/>
      <c r="AH167" s="110"/>
      <c r="AI167" s="110"/>
      <c r="AJ167" s="110"/>
      <c r="AK167" s="110"/>
      <c r="AL167" s="110"/>
      <c r="AM167" s="110"/>
      <c r="AN167" s="110"/>
      <c r="AO167" s="111"/>
    </row>
    <row r="168" spans="1:41" ht="9.75" customHeight="1">
      <c r="A168" s="109"/>
      <c r="B168" s="110"/>
      <c r="C168" s="110"/>
      <c r="D168" s="110"/>
      <c r="E168" s="110"/>
      <c r="F168" s="110"/>
      <c r="G168" s="110"/>
      <c r="H168" s="110"/>
      <c r="I168" s="110"/>
      <c r="J168" s="110"/>
      <c r="K168" s="110"/>
      <c r="L168" s="110"/>
      <c r="M168" s="110"/>
      <c r="N168" s="110"/>
      <c r="O168" s="110"/>
      <c r="P168" s="110"/>
      <c r="Q168" s="110"/>
      <c r="R168" s="110"/>
      <c r="S168" s="110"/>
      <c r="T168" s="110"/>
      <c r="U168" s="110"/>
      <c r="V168" s="110"/>
      <c r="W168" s="110"/>
      <c r="X168" s="110"/>
      <c r="Y168" s="110"/>
      <c r="Z168" s="110"/>
      <c r="AA168" s="110"/>
      <c r="AB168" s="110"/>
      <c r="AC168" s="110"/>
      <c r="AD168" s="110"/>
      <c r="AE168" s="110"/>
      <c r="AF168" s="110"/>
      <c r="AG168" s="110"/>
      <c r="AH168" s="110"/>
      <c r="AI168" s="110"/>
      <c r="AJ168" s="110"/>
      <c r="AK168" s="110"/>
      <c r="AL168" s="110"/>
      <c r="AM168" s="110"/>
      <c r="AN168" s="110"/>
      <c r="AO168" s="111"/>
    </row>
    <row r="169" spans="1:41" ht="9.75" customHeight="1">
      <c r="A169" s="109"/>
      <c r="B169" s="110"/>
      <c r="C169" s="110"/>
      <c r="D169" s="110"/>
      <c r="E169" s="110"/>
      <c r="F169" s="110"/>
      <c r="G169" s="110"/>
      <c r="H169" s="110"/>
      <c r="I169" s="110"/>
      <c r="J169" s="110"/>
      <c r="K169" s="110"/>
      <c r="L169" s="110"/>
      <c r="M169" s="110"/>
      <c r="N169" s="110"/>
      <c r="O169" s="110"/>
      <c r="P169" s="110"/>
      <c r="Q169" s="110"/>
      <c r="R169" s="110"/>
      <c r="S169" s="110"/>
      <c r="T169" s="110"/>
      <c r="U169" s="110"/>
      <c r="V169" s="110"/>
      <c r="W169" s="110"/>
      <c r="X169" s="110"/>
      <c r="Y169" s="110"/>
      <c r="Z169" s="110"/>
      <c r="AA169" s="110"/>
      <c r="AB169" s="110"/>
      <c r="AC169" s="110"/>
      <c r="AD169" s="110"/>
      <c r="AE169" s="110"/>
      <c r="AF169" s="110"/>
      <c r="AG169" s="110"/>
      <c r="AH169" s="110"/>
      <c r="AI169" s="110"/>
      <c r="AJ169" s="110"/>
      <c r="AK169" s="110"/>
      <c r="AL169" s="110"/>
      <c r="AM169" s="110"/>
      <c r="AN169" s="110"/>
      <c r="AO169" s="111"/>
    </row>
    <row r="170" spans="1:41" ht="9.75" customHeight="1">
      <c r="A170" s="112"/>
      <c r="B170" s="113"/>
      <c r="C170" s="113"/>
      <c r="D170" s="113"/>
      <c r="E170" s="113"/>
      <c r="F170" s="113"/>
      <c r="G170" s="113"/>
      <c r="H170" s="113"/>
      <c r="I170" s="113"/>
      <c r="J170" s="113"/>
      <c r="K170" s="113"/>
      <c r="L170" s="113"/>
      <c r="M170" s="113"/>
      <c r="N170" s="113"/>
      <c r="O170" s="113"/>
      <c r="P170" s="113"/>
      <c r="Q170" s="113"/>
      <c r="R170" s="113"/>
      <c r="S170" s="113"/>
      <c r="T170" s="113"/>
      <c r="U170" s="113"/>
      <c r="V170" s="113"/>
      <c r="W170" s="113"/>
      <c r="X170" s="113"/>
      <c r="Y170" s="113"/>
      <c r="Z170" s="113"/>
      <c r="AA170" s="113"/>
      <c r="AB170" s="113"/>
      <c r="AC170" s="113"/>
      <c r="AD170" s="113"/>
      <c r="AE170" s="113"/>
      <c r="AF170" s="113"/>
      <c r="AG170" s="113"/>
      <c r="AH170" s="113"/>
      <c r="AI170" s="113"/>
      <c r="AJ170" s="113"/>
      <c r="AK170" s="113"/>
      <c r="AL170" s="113"/>
      <c r="AM170" s="113"/>
      <c r="AN170" s="113"/>
      <c r="AO170" s="114"/>
    </row>
    <row r="6972" spans="11:11" ht="9.75" customHeight="1">
      <c r="K6972" s="156"/>
    </row>
    <row r="7007" spans="25:25" ht="9.75" customHeight="1">
      <c r="Y7007" s="157"/>
    </row>
  </sheetData>
  <mergeCells count="92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E22:E24"/>
    <mergeCell ref="F22:F24"/>
    <mergeCell ref="P25:P27"/>
    <mergeCell ref="Q25:Q27"/>
    <mergeCell ref="P28:P30"/>
    <mergeCell ref="Q28:Q30"/>
    <mergeCell ref="P31:P33"/>
    <mergeCell ref="Q31:Q33"/>
    <mergeCell ref="P34:P36"/>
    <mergeCell ref="Q34:Q36"/>
    <mergeCell ref="P37:P39"/>
    <mergeCell ref="Q37:Q39"/>
    <mergeCell ref="P40:P42"/>
    <mergeCell ref="Q40:Q42"/>
    <mergeCell ref="P43:P45"/>
    <mergeCell ref="Q43:Q45"/>
    <mergeCell ref="P46:P48"/>
    <mergeCell ref="Q46:Q48"/>
    <mergeCell ref="P49:P51"/>
    <mergeCell ref="Q49:Q51"/>
    <mergeCell ref="P52:P54"/>
    <mergeCell ref="Q52:Q54"/>
    <mergeCell ref="E55:E57"/>
    <mergeCell ref="F55:F57"/>
    <mergeCell ref="P58:P60"/>
    <mergeCell ref="Q58:Q60"/>
    <mergeCell ref="Q76:Q78"/>
    <mergeCell ref="C61:C63"/>
    <mergeCell ref="D61:D63"/>
    <mergeCell ref="E64:E66"/>
    <mergeCell ref="F64:F66"/>
    <mergeCell ref="P67:P69"/>
    <mergeCell ref="Q67:Q69"/>
    <mergeCell ref="C70:C72"/>
    <mergeCell ref="D70:D72"/>
    <mergeCell ref="E73:E75"/>
    <mergeCell ref="F73:F75"/>
    <mergeCell ref="P76:P78"/>
    <mergeCell ref="C79:C81"/>
    <mergeCell ref="D79:D81"/>
    <mergeCell ref="E82:E84"/>
    <mergeCell ref="F82:F84"/>
    <mergeCell ref="A91:B94"/>
    <mergeCell ref="C91:D94"/>
    <mergeCell ref="E91:F94"/>
    <mergeCell ref="Y91:Y94"/>
    <mergeCell ref="Z91:AO94"/>
    <mergeCell ref="G92:H94"/>
    <mergeCell ref="I92:J94"/>
    <mergeCell ref="K92:K94"/>
    <mergeCell ref="L92:M94"/>
    <mergeCell ref="N92:N94"/>
    <mergeCell ref="X92:X94"/>
    <mergeCell ref="P93:Q94"/>
    <mergeCell ref="R93:S94"/>
    <mergeCell ref="G91:S91"/>
    <mergeCell ref="T91:T94"/>
    <mergeCell ref="U91:X91"/>
    <mergeCell ref="A97:F97"/>
    <mergeCell ref="G97:H97"/>
    <mergeCell ref="P92:S92"/>
    <mergeCell ref="U92:V94"/>
    <mergeCell ref="W92:W94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  <rowBreaks count="1" manualBreakCount="1">
    <brk id="86" max="16383" man="1"/>
  </row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857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858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194" t="s">
        <v>859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860</v>
      </c>
      <c r="I12" s="35" t="s">
        <v>133</v>
      </c>
      <c r="J12" s="36" t="s">
        <v>861</v>
      </c>
      <c r="K12" s="37" t="s">
        <v>30</v>
      </c>
      <c r="L12" s="37" t="s">
        <v>862</v>
      </c>
      <c r="M12" s="38"/>
      <c r="N12" s="38"/>
      <c r="O12" s="39"/>
      <c r="P12" s="35"/>
      <c r="Q12" s="36"/>
      <c r="R12" s="35" t="s">
        <v>863</v>
      </c>
      <c r="S12" s="40"/>
      <c r="T12" s="41" t="s">
        <v>863</v>
      </c>
      <c r="U12" s="36" t="s">
        <v>30</v>
      </c>
      <c r="V12" s="35"/>
      <c r="W12" s="36" t="s">
        <v>3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78" t="s">
        <v>31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864</v>
      </c>
      <c r="I15" s="33" t="s">
        <v>133</v>
      </c>
      <c r="J15" s="59" t="s">
        <v>865</v>
      </c>
      <c r="K15" s="60" t="s">
        <v>30</v>
      </c>
      <c r="L15" s="60" t="s">
        <v>200</v>
      </c>
      <c r="M15" s="61"/>
      <c r="N15" s="61"/>
      <c r="O15" s="34"/>
      <c r="P15" s="33"/>
      <c r="Q15" s="59"/>
      <c r="R15" s="33" t="s">
        <v>201</v>
      </c>
      <c r="S15" s="62"/>
      <c r="T15" s="63" t="s">
        <v>201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34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864</v>
      </c>
      <c r="I18" s="33" t="s">
        <v>133</v>
      </c>
      <c r="J18" s="59" t="s">
        <v>865</v>
      </c>
      <c r="K18" s="60" t="s">
        <v>30</v>
      </c>
      <c r="L18" s="60" t="s">
        <v>200</v>
      </c>
      <c r="M18" s="61"/>
      <c r="N18" s="61"/>
      <c r="O18" s="34"/>
      <c r="P18" s="33"/>
      <c r="Q18" s="59"/>
      <c r="R18" s="33" t="s">
        <v>201</v>
      </c>
      <c r="S18" s="62"/>
      <c r="T18" s="63" t="s">
        <v>201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88" t="s">
        <v>866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200</v>
      </c>
      <c r="R21" s="33" t="s">
        <v>201</v>
      </c>
      <c r="S21" s="62"/>
      <c r="T21" s="63" t="s">
        <v>201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80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47"/>
      <c r="B23" s="75"/>
      <c r="C23" s="175" t="s">
        <v>36</v>
      </c>
      <c r="D23" s="178" t="s">
        <v>210</v>
      </c>
      <c r="E23" s="48"/>
      <c r="F23" s="49"/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176"/>
      <c r="D24" s="179"/>
      <c r="E24" s="33"/>
      <c r="F24" s="34"/>
      <c r="G24" s="33"/>
      <c r="H24" s="59" t="s">
        <v>867</v>
      </c>
      <c r="I24" s="33" t="s">
        <v>133</v>
      </c>
      <c r="J24" s="59" t="s">
        <v>868</v>
      </c>
      <c r="K24" s="60" t="s">
        <v>30</v>
      </c>
      <c r="L24" s="60" t="s">
        <v>869</v>
      </c>
      <c r="M24" s="61"/>
      <c r="N24" s="61"/>
      <c r="O24" s="58"/>
      <c r="P24" s="33"/>
      <c r="Q24" s="59"/>
      <c r="R24" s="33" t="s">
        <v>870</v>
      </c>
      <c r="S24" s="62"/>
      <c r="T24" s="63" t="s">
        <v>870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176"/>
      <c r="D25" s="179"/>
      <c r="E25" s="33"/>
      <c r="F25" s="34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175" t="s">
        <v>21</v>
      </c>
      <c r="F26" s="178" t="s">
        <v>210</v>
      </c>
      <c r="G26" s="48"/>
      <c r="H26" s="50"/>
      <c r="I26" s="48"/>
      <c r="J26" s="50"/>
      <c r="K26" s="51"/>
      <c r="L26" s="51"/>
      <c r="M26" s="52"/>
      <c r="N26" s="52"/>
      <c r="O26" s="49"/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176"/>
      <c r="F27" s="179"/>
      <c r="G27" s="33"/>
      <c r="H27" s="59" t="s">
        <v>867</v>
      </c>
      <c r="I27" s="33" t="s">
        <v>133</v>
      </c>
      <c r="J27" s="59" t="s">
        <v>868</v>
      </c>
      <c r="K27" s="60" t="s">
        <v>30</v>
      </c>
      <c r="L27" s="60" t="s">
        <v>869</v>
      </c>
      <c r="M27" s="61"/>
      <c r="N27" s="61"/>
      <c r="O27" s="34"/>
      <c r="P27" s="33"/>
      <c r="Q27" s="59"/>
      <c r="R27" s="33" t="s">
        <v>870</v>
      </c>
      <c r="S27" s="62"/>
      <c r="T27" s="63" t="s">
        <v>870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64"/>
      <c r="D28" s="77"/>
      <c r="E28" s="177"/>
      <c r="F28" s="180"/>
      <c r="G28" s="64"/>
      <c r="H28" s="66"/>
      <c r="I28" s="64"/>
      <c r="J28" s="66"/>
      <c r="K28" s="67"/>
      <c r="L28" s="67"/>
      <c r="M28" s="68"/>
      <c r="N28" s="68"/>
      <c r="O28" s="77"/>
      <c r="P28" s="64"/>
      <c r="Q28" s="66"/>
      <c r="R28" s="64"/>
      <c r="S28" s="69"/>
      <c r="T28" s="70"/>
      <c r="U28" s="66"/>
      <c r="V28" s="64"/>
      <c r="W28" s="66"/>
      <c r="X28" s="71"/>
      <c r="Y28" s="71"/>
      <c r="Z28" s="71"/>
      <c r="AA28" s="71"/>
      <c r="AB28" s="72"/>
      <c r="AC28" s="72"/>
      <c r="AD28" s="72"/>
      <c r="AE28" s="72"/>
      <c r="AF28" s="72"/>
      <c r="AG28" s="72"/>
      <c r="AH28" s="72"/>
      <c r="AI28" s="72"/>
      <c r="AJ28" s="72"/>
      <c r="AK28" s="73"/>
      <c r="AL28" s="73"/>
      <c r="AM28" s="74"/>
    </row>
    <row r="29" spans="1:39" s="46" customFormat="1" ht="9.75" customHeight="1">
      <c r="A29" s="47"/>
      <c r="B29" s="75"/>
      <c r="C29" s="175" t="s">
        <v>52</v>
      </c>
      <c r="D29" s="178" t="s">
        <v>53</v>
      </c>
      <c r="E29" s="48"/>
      <c r="F29" s="49"/>
      <c r="G29" s="48"/>
      <c r="H29" s="50"/>
      <c r="I29" s="48"/>
      <c r="J29" s="50"/>
      <c r="K29" s="51"/>
      <c r="L29" s="51"/>
      <c r="M29" s="52"/>
      <c r="N29" s="52"/>
      <c r="O29" s="76"/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47"/>
      <c r="B30" s="75"/>
      <c r="C30" s="176"/>
      <c r="D30" s="179"/>
      <c r="E30" s="33"/>
      <c r="F30" s="34"/>
      <c r="G30" s="33"/>
      <c r="H30" s="59" t="s">
        <v>30</v>
      </c>
      <c r="I30" s="33"/>
      <c r="J30" s="59" t="s">
        <v>871</v>
      </c>
      <c r="K30" s="60" t="s">
        <v>30</v>
      </c>
      <c r="L30" s="60" t="s">
        <v>871</v>
      </c>
      <c r="M30" s="61"/>
      <c r="N30" s="61"/>
      <c r="O30" s="58"/>
      <c r="P30" s="33"/>
      <c r="Q30" s="59"/>
      <c r="R30" s="33" t="s">
        <v>872</v>
      </c>
      <c r="S30" s="62"/>
      <c r="T30" s="63" t="s">
        <v>872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47"/>
      <c r="B31" s="75"/>
      <c r="C31" s="176"/>
      <c r="D31" s="179"/>
      <c r="E31" s="33"/>
      <c r="F31" s="34"/>
      <c r="G31" s="33"/>
      <c r="H31" s="59"/>
      <c r="I31" s="33"/>
      <c r="J31" s="59"/>
      <c r="K31" s="60"/>
      <c r="L31" s="60"/>
      <c r="M31" s="61"/>
      <c r="N31" s="61"/>
      <c r="O31" s="58"/>
      <c r="P31" s="33"/>
      <c r="Q31" s="59"/>
      <c r="R31" s="33"/>
      <c r="S31" s="62"/>
      <c r="T31" s="63"/>
      <c r="U31" s="59"/>
      <c r="V31" s="33"/>
      <c r="W31" s="59"/>
      <c r="X31" s="27"/>
      <c r="Y31" s="27"/>
      <c r="Z31" s="27"/>
      <c r="AA31" s="27"/>
      <c r="AB31" s="28"/>
      <c r="AC31" s="28"/>
      <c r="AD31" s="28"/>
      <c r="AE31" s="28"/>
      <c r="AF31" s="28"/>
      <c r="AG31" s="28"/>
      <c r="AH31" s="28"/>
      <c r="AI31" s="28"/>
      <c r="AJ31" s="28"/>
      <c r="AK31" s="29"/>
      <c r="AL31" s="29"/>
      <c r="AM31" s="30"/>
    </row>
    <row r="32" spans="1:39" s="46" customFormat="1" ht="9.75" customHeight="1">
      <c r="A32" s="47"/>
      <c r="B32" s="39"/>
      <c r="C32" s="33"/>
      <c r="D32" s="34"/>
      <c r="E32" s="175" t="s">
        <v>21</v>
      </c>
      <c r="F32" s="178" t="s">
        <v>53</v>
      </c>
      <c r="G32" s="48"/>
      <c r="H32" s="50"/>
      <c r="I32" s="48"/>
      <c r="J32" s="50"/>
      <c r="K32" s="51"/>
      <c r="L32" s="51"/>
      <c r="M32" s="52"/>
      <c r="N32" s="52"/>
      <c r="O32" s="49"/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57"/>
      <c r="B33" s="58"/>
      <c r="C33" s="33"/>
      <c r="D33" s="34"/>
      <c r="E33" s="176"/>
      <c r="F33" s="179"/>
      <c r="G33" s="33"/>
      <c r="H33" s="59" t="s">
        <v>30</v>
      </c>
      <c r="I33" s="33"/>
      <c r="J33" s="59" t="s">
        <v>871</v>
      </c>
      <c r="K33" s="60" t="s">
        <v>30</v>
      </c>
      <c r="L33" s="60" t="s">
        <v>871</v>
      </c>
      <c r="M33" s="61"/>
      <c r="N33" s="61"/>
      <c r="O33" s="34"/>
      <c r="P33" s="33"/>
      <c r="Q33" s="59"/>
      <c r="R33" s="33" t="s">
        <v>872</v>
      </c>
      <c r="S33" s="62"/>
      <c r="T33" s="63" t="s">
        <v>872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158"/>
      <c r="B34" s="65"/>
      <c r="C34" s="64"/>
      <c r="D34" s="77"/>
      <c r="E34" s="177"/>
      <c r="F34" s="180"/>
      <c r="G34" s="64"/>
      <c r="H34" s="66"/>
      <c r="I34" s="64"/>
      <c r="J34" s="66"/>
      <c r="K34" s="67"/>
      <c r="L34" s="67"/>
      <c r="M34" s="68"/>
      <c r="N34" s="68"/>
      <c r="O34" s="77"/>
      <c r="P34" s="64"/>
      <c r="Q34" s="66"/>
      <c r="R34" s="64"/>
      <c r="S34" s="69"/>
      <c r="T34" s="70"/>
      <c r="U34" s="66"/>
      <c r="V34" s="64"/>
      <c r="W34" s="66"/>
      <c r="X34" s="71"/>
      <c r="Y34" s="71"/>
      <c r="Z34" s="71"/>
      <c r="AA34" s="71"/>
      <c r="AB34" s="72"/>
      <c r="AC34" s="72"/>
      <c r="AD34" s="72"/>
      <c r="AE34" s="72"/>
      <c r="AF34" s="72"/>
      <c r="AG34" s="72"/>
      <c r="AH34" s="72"/>
      <c r="AI34" s="72"/>
      <c r="AJ34" s="72"/>
      <c r="AK34" s="73"/>
      <c r="AL34" s="73"/>
      <c r="AM34" s="74"/>
    </row>
    <row r="35" spans="1:39" s="46" customFormat="1" ht="9.75" customHeight="1">
      <c r="A35" s="80"/>
      <c r="B35" s="81"/>
      <c r="C35" s="81"/>
      <c r="D35" s="81"/>
      <c r="E35" s="81"/>
      <c r="F35" s="81"/>
      <c r="G35" s="82"/>
      <c r="H35" s="83"/>
      <c r="I35" s="82"/>
      <c r="J35" s="83"/>
      <c r="K35" s="84"/>
      <c r="L35" s="84"/>
      <c r="M35" s="85"/>
      <c r="N35" s="85"/>
      <c r="O35" s="86"/>
      <c r="P35" s="82"/>
      <c r="Q35" s="83"/>
      <c r="R35" s="82"/>
      <c r="S35" s="87"/>
      <c r="T35" s="88"/>
      <c r="U35" s="83"/>
      <c r="V35" s="82"/>
      <c r="W35" s="83"/>
      <c r="X35" s="89" t="s">
        <v>3</v>
      </c>
      <c r="Y35" s="89"/>
      <c r="Z35" s="89"/>
      <c r="AA35" s="89"/>
      <c r="AB35" s="90"/>
      <c r="AC35" s="90"/>
      <c r="AD35" s="90"/>
      <c r="AE35" s="90"/>
      <c r="AF35" s="90"/>
      <c r="AG35" s="90"/>
      <c r="AH35" s="90"/>
      <c r="AI35" s="90"/>
      <c r="AJ35" s="90"/>
      <c r="AK35" s="91"/>
      <c r="AL35" s="91"/>
      <c r="AM35" s="92"/>
    </row>
    <row r="36" spans="1:39" s="46" customFormat="1" ht="9.75" customHeight="1">
      <c r="A36" s="181" t="s">
        <v>65</v>
      </c>
      <c r="B36" s="182"/>
      <c r="C36" s="183"/>
      <c r="D36" s="183"/>
      <c r="E36" s="183"/>
      <c r="F36" s="184"/>
      <c r="G36" s="35"/>
      <c r="H36" s="36" t="s">
        <v>860</v>
      </c>
      <c r="I36" s="35" t="s">
        <v>133</v>
      </c>
      <c r="J36" s="36" t="s">
        <v>861</v>
      </c>
      <c r="K36" s="37" t="s">
        <v>30</v>
      </c>
      <c r="L36" s="37" t="s">
        <v>862</v>
      </c>
      <c r="M36" s="38"/>
      <c r="N36" s="38"/>
      <c r="O36" s="39"/>
      <c r="P36" s="35"/>
      <c r="Q36" s="36"/>
      <c r="R36" s="35" t="s">
        <v>863</v>
      </c>
      <c r="S36" s="40"/>
      <c r="T36" s="41" t="s">
        <v>863</v>
      </c>
      <c r="U36" s="36" t="s">
        <v>30</v>
      </c>
      <c r="V36" s="35"/>
      <c r="W36" s="36" t="s">
        <v>30</v>
      </c>
      <c r="X36" s="42"/>
      <c r="Y36" s="42"/>
      <c r="Z36" s="42"/>
      <c r="AA36" s="42"/>
      <c r="AB36" s="43"/>
      <c r="AC36" s="43"/>
      <c r="AD36" s="43"/>
      <c r="AE36" s="43"/>
      <c r="AF36" s="43"/>
      <c r="AG36" s="43"/>
      <c r="AH36" s="43"/>
      <c r="AI36" s="43"/>
      <c r="AJ36" s="43"/>
      <c r="AK36" s="44"/>
      <c r="AL36" s="44"/>
      <c r="AM36" s="45"/>
    </row>
    <row r="37" spans="1:39" s="46" customFormat="1" ht="9.75" customHeight="1">
      <c r="A37" s="93"/>
      <c r="B37" s="94"/>
      <c r="C37" s="94"/>
      <c r="D37" s="94"/>
      <c r="E37" s="94"/>
      <c r="F37" s="94"/>
      <c r="G37" s="95"/>
      <c r="H37" s="96"/>
      <c r="I37" s="95"/>
      <c r="J37" s="96"/>
      <c r="K37" s="97"/>
      <c r="L37" s="97"/>
      <c r="M37" s="98"/>
      <c r="N37" s="98"/>
      <c r="O37" s="99"/>
      <c r="P37" s="95"/>
      <c r="Q37" s="96"/>
      <c r="R37" s="95"/>
      <c r="S37" s="100"/>
      <c r="T37" s="101"/>
      <c r="U37" s="96"/>
      <c r="V37" s="95"/>
      <c r="W37" s="96"/>
      <c r="X37" s="102"/>
      <c r="Y37" s="102"/>
      <c r="Z37" s="102"/>
      <c r="AA37" s="102"/>
      <c r="AB37" s="103"/>
      <c r="AC37" s="103"/>
      <c r="AD37" s="103"/>
      <c r="AE37" s="103"/>
      <c r="AF37" s="103"/>
      <c r="AG37" s="103"/>
      <c r="AH37" s="103"/>
      <c r="AI37" s="103"/>
      <c r="AJ37" s="103"/>
      <c r="AK37" s="104"/>
      <c r="AL37" s="104"/>
      <c r="AM37" s="155"/>
    </row>
    <row r="38" spans="1:39" ht="9.75" customHeight="1">
      <c r="A38" s="105"/>
      <c r="B38" s="106"/>
      <c r="C38" s="106"/>
      <c r="D38" s="106"/>
      <c r="E38" s="106"/>
      <c r="F38" s="106"/>
      <c r="G38" s="106"/>
      <c r="H38" s="106"/>
      <c r="I38" s="106"/>
      <c r="J38" s="106"/>
      <c r="K38" s="106"/>
      <c r="L38" s="106"/>
      <c r="M38" s="106"/>
      <c r="N38" s="106"/>
      <c r="O38" s="106"/>
      <c r="P38" s="106"/>
      <c r="Q38" s="106"/>
      <c r="R38" s="106"/>
      <c r="S38" s="106"/>
      <c r="T38" s="106"/>
      <c r="U38" s="106"/>
      <c r="V38" s="106"/>
      <c r="W38" s="106"/>
      <c r="X38" s="107"/>
      <c r="Y38" s="107"/>
      <c r="Z38" s="107"/>
      <c r="AA38" s="107"/>
      <c r="AB38" s="107"/>
      <c r="AC38" s="107"/>
      <c r="AD38" s="107"/>
      <c r="AE38" s="107"/>
      <c r="AF38" s="107"/>
      <c r="AG38" s="107"/>
      <c r="AH38" s="107"/>
      <c r="AI38" s="107"/>
      <c r="AJ38" s="107"/>
      <c r="AK38" s="107"/>
      <c r="AL38" s="107"/>
      <c r="AM38" s="108"/>
    </row>
    <row r="39" spans="1:39" ht="9.75" customHeight="1">
      <c r="A39" s="109"/>
      <c r="B39" s="110"/>
      <c r="C39" s="110"/>
      <c r="D39" s="110"/>
      <c r="E39" s="110"/>
      <c r="F39" s="110"/>
      <c r="G39" s="110"/>
      <c r="H39" s="110"/>
      <c r="I39" s="110"/>
      <c r="J39" s="110"/>
      <c r="K39" s="110"/>
      <c r="L39" s="110"/>
      <c r="M39" s="110"/>
      <c r="N39" s="110"/>
      <c r="O39" s="110"/>
      <c r="P39" s="110"/>
      <c r="Q39" s="110"/>
      <c r="R39" s="110"/>
      <c r="S39" s="110"/>
      <c r="T39" s="110"/>
      <c r="U39" s="110"/>
      <c r="V39" s="110"/>
      <c r="W39" s="110"/>
      <c r="X39" s="110"/>
      <c r="Y39" s="110"/>
      <c r="Z39" s="110"/>
      <c r="AA39" s="110"/>
      <c r="AB39" s="110"/>
      <c r="AC39" s="110"/>
      <c r="AD39" s="110"/>
      <c r="AE39" s="110"/>
      <c r="AF39" s="110"/>
      <c r="AG39" s="110"/>
      <c r="AH39" s="110"/>
      <c r="AI39" s="110"/>
      <c r="AJ39" s="110"/>
      <c r="AK39" s="110"/>
      <c r="AL39" s="110"/>
      <c r="AM39" s="111"/>
    </row>
    <row r="40" spans="1:39" ht="9.75" customHeight="1">
      <c r="A40" s="109"/>
      <c r="B40" s="110"/>
      <c r="C40" s="110"/>
      <c r="D40" s="110"/>
      <c r="E40" s="110"/>
      <c r="F40" s="110"/>
      <c r="G40" s="110"/>
      <c r="H40" s="110"/>
      <c r="I40" s="110"/>
      <c r="J40" s="110"/>
      <c r="K40" s="110"/>
      <c r="L40" s="110"/>
      <c r="M40" s="110"/>
      <c r="N40" s="110"/>
      <c r="O40" s="110"/>
      <c r="P40" s="110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0"/>
      <c r="AJ40" s="110"/>
      <c r="AK40" s="110"/>
      <c r="AL40" s="110"/>
      <c r="AM40" s="111"/>
    </row>
    <row r="41" spans="1:39" ht="9.75" customHeight="1">
      <c r="A41" s="109"/>
      <c r="B41" s="110"/>
      <c r="C41" s="110"/>
      <c r="D41" s="110"/>
      <c r="E41" s="110"/>
      <c r="F41" s="110"/>
      <c r="G41" s="110"/>
      <c r="H41" s="110"/>
      <c r="I41" s="110"/>
      <c r="J41" s="110"/>
      <c r="K41" s="110"/>
      <c r="L41" s="110"/>
      <c r="M41" s="110"/>
      <c r="N41" s="110"/>
      <c r="O41" s="110"/>
      <c r="P41" s="110"/>
      <c r="Q41" s="110"/>
      <c r="R41" s="110"/>
      <c r="S41" s="110"/>
      <c r="T41" s="110"/>
      <c r="U41" s="110"/>
      <c r="V41" s="110"/>
      <c r="W41" s="110"/>
      <c r="X41" s="110"/>
      <c r="Y41" s="110"/>
      <c r="Z41" s="110"/>
      <c r="AA41" s="110"/>
      <c r="AB41" s="110"/>
      <c r="AC41" s="110"/>
      <c r="AD41" s="110"/>
      <c r="AE41" s="110"/>
      <c r="AF41" s="110"/>
      <c r="AG41" s="110"/>
      <c r="AH41" s="110"/>
      <c r="AI41" s="110"/>
      <c r="AJ41" s="110"/>
      <c r="AK41" s="110"/>
      <c r="AL41" s="110"/>
      <c r="AM41" s="111"/>
    </row>
    <row r="42" spans="1:39" ht="9.75" customHeight="1">
      <c r="A42" s="109"/>
      <c r="B42" s="110"/>
      <c r="C42" s="110"/>
      <c r="D42" s="110"/>
      <c r="E42" s="110"/>
      <c r="F42" s="110"/>
      <c r="G42" s="110"/>
      <c r="H42" s="110"/>
      <c r="I42" s="110"/>
      <c r="J42" s="110"/>
      <c r="K42" s="110"/>
      <c r="L42" s="110"/>
      <c r="M42" s="110"/>
      <c r="N42" s="110"/>
      <c r="O42" s="110"/>
      <c r="P42" s="110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1"/>
    </row>
    <row r="43" spans="1:39" ht="9.75" customHeight="1">
      <c r="A43" s="109"/>
      <c r="B43" s="110"/>
      <c r="C43" s="110"/>
      <c r="D43" s="110"/>
      <c r="E43" s="110"/>
      <c r="F43" s="110"/>
      <c r="G43" s="110"/>
      <c r="H43" s="110"/>
      <c r="I43" s="110"/>
      <c r="J43" s="110"/>
      <c r="K43" s="110"/>
      <c r="L43" s="110"/>
      <c r="M43" s="110"/>
      <c r="N43" s="110"/>
      <c r="O43" s="110"/>
      <c r="P43" s="110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1"/>
    </row>
    <row r="44" spans="1:39" ht="9.75" customHeight="1">
      <c r="A44" s="109"/>
      <c r="B44" s="110"/>
      <c r="C44" s="110"/>
      <c r="D44" s="110"/>
      <c r="E44" s="110"/>
      <c r="F44" s="110"/>
      <c r="G44" s="110"/>
      <c r="H44" s="110"/>
      <c r="I44" s="110"/>
      <c r="J44" s="110"/>
      <c r="K44" s="110"/>
      <c r="L44" s="110"/>
      <c r="M44" s="110"/>
      <c r="N44" s="110"/>
      <c r="O44" s="110"/>
      <c r="P44" s="110"/>
      <c r="Q44" s="110"/>
      <c r="R44" s="110"/>
      <c r="S44" s="110"/>
      <c r="T44" s="110"/>
      <c r="U44" s="110"/>
      <c r="V44" s="110"/>
      <c r="W44" s="110"/>
      <c r="X44" s="110"/>
      <c r="Y44" s="110"/>
      <c r="Z44" s="110"/>
      <c r="AA44" s="110"/>
      <c r="AB44" s="110"/>
      <c r="AC44" s="110"/>
      <c r="AD44" s="110"/>
      <c r="AE44" s="110"/>
      <c r="AF44" s="110"/>
      <c r="AG44" s="110"/>
      <c r="AH44" s="110"/>
      <c r="AI44" s="110"/>
      <c r="AJ44" s="110"/>
      <c r="AK44" s="110"/>
      <c r="AL44" s="110"/>
      <c r="AM44" s="111"/>
    </row>
    <row r="45" spans="1:39" ht="9.75" customHeight="1">
      <c r="A45" s="109"/>
      <c r="B45" s="110"/>
      <c r="C45" s="110"/>
      <c r="D45" s="110"/>
      <c r="E45" s="110"/>
      <c r="F45" s="110"/>
      <c r="G45" s="110"/>
      <c r="H45" s="110"/>
      <c r="I45" s="110"/>
      <c r="J45" s="110"/>
      <c r="K45" s="110"/>
      <c r="L45" s="110"/>
      <c r="M45" s="110"/>
      <c r="N45" s="110"/>
      <c r="O45" s="110"/>
      <c r="P45" s="110"/>
      <c r="Q45" s="110"/>
      <c r="R45" s="110"/>
      <c r="S45" s="110"/>
      <c r="T45" s="110"/>
      <c r="U45" s="110"/>
      <c r="V45" s="110"/>
      <c r="W45" s="110"/>
      <c r="X45" s="110"/>
      <c r="Y45" s="110"/>
      <c r="Z45" s="110"/>
      <c r="AA45" s="110"/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0"/>
      <c r="AM45" s="111"/>
    </row>
    <row r="46" spans="1:39" ht="9.75" customHeight="1">
      <c r="A46" s="109"/>
      <c r="B46" s="110"/>
      <c r="C46" s="110"/>
      <c r="D46" s="110"/>
      <c r="E46" s="110"/>
      <c r="F46" s="110"/>
      <c r="G46" s="110"/>
      <c r="H46" s="110"/>
      <c r="I46" s="110"/>
      <c r="J46" s="110"/>
      <c r="K46" s="110"/>
      <c r="L46" s="110"/>
      <c r="M46" s="110"/>
      <c r="N46" s="110"/>
      <c r="O46" s="110"/>
      <c r="P46" s="110"/>
      <c r="Q46" s="110"/>
      <c r="R46" s="110"/>
      <c r="S46" s="110"/>
      <c r="T46" s="110"/>
      <c r="U46" s="110"/>
      <c r="V46" s="110"/>
      <c r="W46" s="110"/>
      <c r="X46" s="110"/>
      <c r="Y46" s="110"/>
      <c r="Z46" s="110"/>
      <c r="AA46" s="110"/>
      <c r="AB46" s="110"/>
      <c r="AC46" s="110"/>
      <c r="AD46" s="110"/>
      <c r="AE46" s="110"/>
      <c r="AF46" s="110"/>
      <c r="AG46" s="110"/>
      <c r="AH46" s="110"/>
      <c r="AI46" s="110"/>
      <c r="AJ46" s="110"/>
      <c r="AK46" s="110"/>
      <c r="AL46" s="110"/>
      <c r="AM46" s="111"/>
    </row>
    <row r="47" spans="1:39" ht="9.75" customHeight="1">
      <c r="A47" s="109"/>
      <c r="B47" s="110"/>
      <c r="C47" s="110"/>
      <c r="D47" s="110"/>
      <c r="E47" s="110"/>
      <c r="F47" s="110"/>
      <c r="G47" s="110"/>
      <c r="H47" s="110"/>
      <c r="I47" s="110"/>
      <c r="J47" s="110"/>
      <c r="K47" s="110"/>
      <c r="L47" s="110"/>
      <c r="M47" s="110"/>
      <c r="N47" s="110"/>
      <c r="O47" s="110"/>
      <c r="P47" s="110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1"/>
    </row>
    <row r="48" spans="1:39" ht="9.75" customHeight="1">
      <c r="A48" s="109"/>
      <c r="B48" s="110"/>
      <c r="C48" s="110"/>
      <c r="D48" s="110"/>
      <c r="E48" s="110"/>
      <c r="F48" s="110"/>
      <c r="G48" s="110"/>
      <c r="H48" s="110"/>
      <c r="I48" s="110"/>
      <c r="J48" s="110"/>
      <c r="K48" s="110"/>
      <c r="L48" s="110"/>
      <c r="M48" s="110"/>
      <c r="N48" s="110"/>
      <c r="O48" s="110"/>
      <c r="P48" s="110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1"/>
    </row>
    <row r="49" spans="1:39" ht="9.75" customHeight="1">
      <c r="A49" s="109"/>
      <c r="B49" s="110"/>
      <c r="C49" s="110"/>
      <c r="D49" s="110"/>
      <c r="E49" s="110"/>
      <c r="F49" s="110"/>
      <c r="G49" s="110"/>
      <c r="H49" s="110"/>
      <c r="I49" s="110"/>
      <c r="J49" s="110"/>
      <c r="K49" s="110"/>
      <c r="L49" s="110"/>
      <c r="M49" s="110"/>
      <c r="N49" s="110"/>
      <c r="O49" s="110"/>
      <c r="P49" s="110"/>
      <c r="Q49" s="110"/>
      <c r="R49" s="110"/>
      <c r="S49" s="110"/>
      <c r="T49" s="110"/>
      <c r="U49" s="110"/>
      <c r="V49" s="110"/>
      <c r="W49" s="110"/>
      <c r="X49" s="110"/>
      <c r="Y49" s="110"/>
      <c r="Z49" s="110"/>
      <c r="AA49" s="110"/>
      <c r="AB49" s="110"/>
      <c r="AC49" s="110"/>
      <c r="AD49" s="110"/>
      <c r="AE49" s="110"/>
      <c r="AF49" s="110"/>
      <c r="AG49" s="110"/>
      <c r="AH49" s="110"/>
      <c r="AI49" s="110"/>
      <c r="AJ49" s="110"/>
      <c r="AK49" s="110"/>
      <c r="AL49" s="110"/>
      <c r="AM49" s="111"/>
    </row>
    <row r="50" spans="1:39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1"/>
    </row>
    <row r="51" spans="1:39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1"/>
    </row>
    <row r="52" spans="1:39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1"/>
    </row>
    <row r="53" spans="1:39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1"/>
    </row>
    <row r="54" spans="1:39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1"/>
    </row>
    <row r="55" spans="1:39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1"/>
    </row>
    <row r="56" spans="1:39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1"/>
    </row>
    <row r="57" spans="1:39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1"/>
    </row>
    <row r="58" spans="1:39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1"/>
    </row>
    <row r="59" spans="1:39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1"/>
    </row>
    <row r="60" spans="1:39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1"/>
    </row>
    <row r="61" spans="1:39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1"/>
    </row>
    <row r="62" spans="1:39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1"/>
    </row>
    <row r="63" spans="1:39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1"/>
    </row>
    <row r="64" spans="1:39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1"/>
    </row>
    <row r="65" spans="1:39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1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35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C23:C25"/>
    <mergeCell ref="D23:D25"/>
    <mergeCell ref="E26:E28"/>
    <mergeCell ref="F26:F28"/>
    <mergeCell ref="C29:C31"/>
    <mergeCell ref="D29:D31"/>
    <mergeCell ref="E32:E34"/>
    <mergeCell ref="F32:F34"/>
    <mergeCell ref="A36:F36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3" max="84" man="1"/>
  </colBreaks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87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233" t="s">
        <v>874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860</v>
      </c>
      <c r="I11" s="35" t="s">
        <v>133</v>
      </c>
      <c r="J11" s="36" t="s">
        <v>861</v>
      </c>
      <c r="K11" s="124" t="s">
        <v>30</v>
      </c>
      <c r="L11" s="35"/>
      <c r="M11" s="125" t="s">
        <v>30</v>
      </c>
      <c r="N11" s="37" t="s">
        <v>862</v>
      </c>
      <c r="O11" s="38"/>
      <c r="P11" s="186"/>
      <c r="Q11" s="234"/>
      <c r="R11" s="35"/>
      <c r="S11" s="38"/>
      <c r="T11" s="126" t="s">
        <v>863</v>
      </c>
      <c r="U11" s="38"/>
      <c r="V11" s="36" t="s">
        <v>30</v>
      </c>
      <c r="W11" s="37" t="s">
        <v>30</v>
      </c>
      <c r="X11" s="37" t="s">
        <v>30</v>
      </c>
      <c r="Y11" s="37" t="s">
        <v>875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78" t="s">
        <v>108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867</v>
      </c>
      <c r="I14" s="33" t="s">
        <v>133</v>
      </c>
      <c r="J14" s="59" t="s">
        <v>868</v>
      </c>
      <c r="K14" s="132" t="s">
        <v>30</v>
      </c>
      <c r="L14" s="33"/>
      <c r="M14" s="133" t="s">
        <v>30</v>
      </c>
      <c r="N14" s="60" t="s">
        <v>869</v>
      </c>
      <c r="O14" s="61"/>
      <c r="P14" s="61"/>
      <c r="Q14" s="34"/>
      <c r="R14" s="33"/>
      <c r="S14" s="61"/>
      <c r="T14" s="134" t="s">
        <v>870</v>
      </c>
      <c r="U14" s="61"/>
      <c r="V14" s="59" t="s">
        <v>30</v>
      </c>
      <c r="W14" s="60" t="s">
        <v>30</v>
      </c>
      <c r="X14" s="60" t="s">
        <v>30</v>
      </c>
      <c r="Y14" s="60" t="s">
        <v>876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88" t="s">
        <v>877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79"/>
      <c r="G17" s="33"/>
      <c r="H17" s="59" t="s">
        <v>867</v>
      </c>
      <c r="I17" s="33" t="s">
        <v>133</v>
      </c>
      <c r="J17" s="59" t="s">
        <v>868</v>
      </c>
      <c r="K17" s="132" t="s">
        <v>30</v>
      </c>
      <c r="L17" s="33"/>
      <c r="M17" s="133" t="s">
        <v>30</v>
      </c>
      <c r="N17" s="60" t="s">
        <v>869</v>
      </c>
      <c r="O17" s="61"/>
      <c r="P17" s="61"/>
      <c r="Q17" s="34"/>
      <c r="R17" s="33"/>
      <c r="S17" s="61"/>
      <c r="T17" s="134" t="s">
        <v>870</v>
      </c>
      <c r="U17" s="61"/>
      <c r="V17" s="59" t="s">
        <v>30</v>
      </c>
      <c r="W17" s="60" t="s">
        <v>30</v>
      </c>
      <c r="X17" s="60" t="s">
        <v>30</v>
      </c>
      <c r="Y17" s="60" t="s">
        <v>876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79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07</v>
      </c>
      <c r="Q19" s="178" t="s">
        <v>108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869</v>
      </c>
      <c r="T20" s="134" t="s">
        <v>870</v>
      </c>
      <c r="U20" s="61"/>
      <c r="V20" s="59" t="s">
        <v>30</v>
      </c>
      <c r="W20" s="60" t="s">
        <v>30</v>
      </c>
      <c r="X20" s="60" t="s">
        <v>30</v>
      </c>
      <c r="Y20" s="60" t="s">
        <v>876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64"/>
      <c r="D21" s="136"/>
      <c r="E21" s="64"/>
      <c r="F21" s="65"/>
      <c r="G21" s="64"/>
      <c r="H21" s="66"/>
      <c r="I21" s="64"/>
      <c r="J21" s="66"/>
      <c r="K21" s="137"/>
      <c r="L21" s="64"/>
      <c r="M21" s="138"/>
      <c r="N21" s="67"/>
      <c r="O21" s="68"/>
      <c r="P21" s="187"/>
      <c r="Q21" s="180"/>
      <c r="R21" s="64"/>
      <c r="S21" s="68"/>
      <c r="T21" s="139"/>
      <c r="U21" s="68"/>
      <c r="V21" s="66"/>
      <c r="W21" s="67"/>
      <c r="X21" s="67"/>
      <c r="Y21" s="67"/>
      <c r="Z21" s="140"/>
      <c r="AA21" s="71"/>
      <c r="AB21" s="71"/>
      <c r="AC21" s="71"/>
      <c r="AD21" s="72"/>
      <c r="AE21" s="73"/>
      <c r="AF21" s="73"/>
      <c r="AG21" s="73"/>
      <c r="AH21" s="71"/>
      <c r="AI21" s="71"/>
      <c r="AJ21" s="71"/>
      <c r="AK21" s="71"/>
      <c r="AL21" s="72"/>
      <c r="AM21" s="73"/>
      <c r="AN21" s="73"/>
      <c r="AO21" s="74"/>
    </row>
    <row r="22" spans="1:41" s="46" customFormat="1" ht="9.75" customHeight="1">
      <c r="A22" s="57"/>
      <c r="B22" s="34"/>
      <c r="C22" s="175" t="s">
        <v>36</v>
      </c>
      <c r="D22" s="178" t="s">
        <v>118</v>
      </c>
      <c r="E22" s="48"/>
      <c r="F22" s="49"/>
      <c r="G22" s="48"/>
      <c r="H22" s="50"/>
      <c r="I22" s="48"/>
      <c r="J22" s="50"/>
      <c r="K22" s="128"/>
      <c r="L22" s="48"/>
      <c r="M22" s="129"/>
      <c r="N22" s="51"/>
      <c r="O22" s="52"/>
      <c r="P22" s="52"/>
      <c r="Q22" s="76"/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41"/>
      <c r="C23" s="176"/>
      <c r="D23" s="179"/>
      <c r="E23" s="33"/>
      <c r="F23" s="34"/>
      <c r="G23" s="33"/>
      <c r="H23" s="59" t="s">
        <v>864</v>
      </c>
      <c r="I23" s="33" t="s">
        <v>133</v>
      </c>
      <c r="J23" s="59" t="s">
        <v>865</v>
      </c>
      <c r="K23" s="132" t="s">
        <v>30</v>
      </c>
      <c r="L23" s="33"/>
      <c r="M23" s="133" t="s">
        <v>30</v>
      </c>
      <c r="N23" s="60" t="s">
        <v>200</v>
      </c>
      <c r="O23" s="61"/>
      <c r="P23" s="61"/>
      <c r="Q23" s="58"/>
      <c r="R23" s="33"/>
      <c r="S23" s="61"/>
      <c r="T23" s="134" t="s">
        <v>201</v>
      </c>
      <c r="U23" s="61"/>
      <c r="V23" s="59" t="s">
        <v>30</v>
      </c>
      <c r="W23" s="60" t="s">
        <v>30</v>
      </c>
      <c r="X23" s="60" t="s">
        <v>30</v>
      </c>
      <c r="Y23" s="60" t="s">
        <v>878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41"/>
      <c r="C24" s="176"/>
      <c r="D24" s="179"/>
      <c r="E24" s="33"/>
      <c r="F24" s="34"/>
      <c r="G24" s="33"/>
      <c r="H24" s="59"/>
      <c r="I24" s="33"/>
      <c r="J24" s="59"/>
      <c r="K24" s="132"/>
      <c r="L24" s="33"/>
      <c r="M24" s="133"/>
      <c r="N24" s="60"/>
      <c r="O24" s="61"/>
      <c r="P24" s="61"/>
      <c r="Q24" s="58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34"/>
      <c r="E25" s="175" t="s">
        <v>21</v>
      </c>
      <c r="F25" s="178" t="s">
        <v>122</v>
      </c>
      <c r="G25" s="48"/>
      <c r="H25" s="50"/>
      <c r="I25" s="48"/>
      <c r="J25" s="50"/>
      <c r="K25" s="128"/>
      <c r="L25" s="48"/>
      <c r="M25" s="129"/>
      <c r="N25" s="51"/>
      <c r="O25" s="52"/>
      <c r="P25" s="52"/>
      <c r="Q25" s="76"/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41"/>
      <c r="E26" s="176"/>
      <c r="F26" s="179"/>
      <c r="G26" s="33"/>
      <c r="H26" s="59" t="s">
        <v>879</v>
      </c>
      <c r="I26" s="33"/>
      <c r="J26" s="59" t="s">
        <v>30</v>
      </c>
      <c r="K26" s="132" t="s">
        <v>30</v>
      </c>
      <c r="L26" s="33"/>
      <c r="M26" s="133" t="s">
        <v>30</v>
      </c>
      <c r="N26" s="60" t="s">
        <v>879</v>
      </c>
      <c r="O26" s="61"/>
      <c r="P26" s="61"/>
      <c r="Q26" s="34"/>
      <c r="R26" s="33"/>
      <c r="S26" s="61"/>
      <c r="T26" s="134" t="s">
        <v>880</v>
      </c>
      <c r="U26" s="61"/>
      <c r="V26" s="59" t="s">
        <v>30</v>
      </c>
      <c r="W26" s="60" t="s">
        <v>30</v>
      </c>
      <c r="X26" s="60" t="s">
        <v>30</v>
      </c>
      <c r="Y26" s="60" t="s">
        <v>881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41"/>
      <c r="E27" s="176"/>
      <c r="F27" s="179"/>
      <c r="G27" s="33"/>
      <c r="H27" s="59"/>
      <c r="I27" s="33"/>
      <c r="J27" s="59"/>
      <c r="K27" s="132"/>
      <c r="L27" s="33"/>
      <c r="M27" s="133"/>
      <c r="N27" s="60"/>
      <c r="O27" s="61"/>
      <c r="P27" s="61"/>
      <c r="Q27" s="34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57"/>
      <c r="B28" s="131"/>
      <c r="C28" s="33"/>
      <c r="D28" s="131"/>
      <c r="E28" s="33"/>
      <c r="F28" s="34"/>
      <c r="G28" s="33"/>
      <c r="H28" s="59"/>
      <c r="I28" s="33"/>
      <c r="J28" s="59"/>
      <c r="K28" s="132"/>
      <c r="L28" s="33"/>
      <c r="M28" s="133"/>
      <c r="N28" s="60"/>
      <c r="O28" s="61"/>
      <c r="P28" s="185" t="s">
        <v>124</v>
      </c>
      <c r="Q28" s="178" t="s">
        <v>125</v>
      </c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31"/>
      <c r="C29" s="33"/>
      <c r="D29" s="131"/>
      <c r="E29" s="33"/>
      <c r="F29" s="34"/>
      <c r="G29" s="33"/>
      <c r="H29" s="59"/>
      <c r="I29" s="33"/>
      <c r="J29" s="59"/>
      <c r="K29" s="132"/>
      <c r="L29" s="33"/>
      <c r="M29" s="133"/>
      <c r="N29" s="60"/>
      <c r="O29" s="61"/>
      <c r="P29" s="186"/>
      <c r="Q29" s="179"/>
      <c r="R29" s="33"/>
      <c r="S29" s="61" t="s">
        <v>879</v>
      </c>
      <c r="T29" s="134" t="s">
        <v>880</v>
      </c>
      <c r="U29" s="61"/>
      <c r="V29" s="59" t="s">
        <v>30</v>
      </c>
      <c r="W29" s="60" t="s">
        <v>30</v>
      </c>
      <c r="X29" s="60" t="s">
        <v>30</v>
      </c>
      <c r="Y29" s="60" t="s">
        <v>881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31"/>
      <c r="C30" s="33"/>
      <c r="D30" s="131"/>
      <c r="E30" s="33"/>
      <c r="F30" s="34"/>
      <c r="G30" s="33"/>
      <c r="H30" s="59"/>
      <c r="I30" s="33"/>
      <c r="J30" s="59"/>
      <c r="K30" s="132"/>
      <c r="L30" s="33"/>
      <c r="M30" s="133"/>
      <c r="N30" s="60"/>
      <c r="O30" s="61"/>
      <c r="P30" s="187"/>
      <c r="Q30" s="180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41"/>
      <c r="C31" s="33"/>
      <c r="D31" s="34"/>
      <c r="E31" s="175" t="s">
        <v>36</v>
      </c>
      <c r="F31" s="178" t="s">
        <v>147</v>
      </c>
      <c r="G31" s="48"/>
      <c r="H31" s="50"/>
      <c r="I31" s="48"/>
      <c r="J31" s="50"/>
      <c r="K31" s="128"/>
      <c r="L31" s="48"/>
      <c r="M31" s="129"/>
      <c r="N31" s="51"/>
      <c r="O31" s="52"/>
      <c r="P31" s="52"/>
      <c r="Q31" s="76"/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41"/>
      <c r="C32" s="33"/>
      <c r="D32" s="141"/>
      <c r="E32" s="176"/>
      <c r="F32" s="179"/>
      <c r="G32" s="33"/>
      <c r="H32" s="59" t="s">
        <v>882</v>
      </c>
      <c r="I32" s="33" t="s">
        <v>133</v>
      </c>
      <c r="J32" s="59" t="s">
        <v>865</v>
      </c>
      <c r="K32" s="132" t="s">
        <v>30</v>
      </c>
      <c r="L32" s="33"/>
      <c r="M32" s="133" t="s">
        <v>30</v>
      </c>
      <c r="N32" s="60" t="s">
        <v>883</v>
      </c>
      <c r="O32" s="61"/>
      <c r="P32" s="61"/>
      <c r="Q32" s="58"/>
      <c r="R32" s="33"/>
      <c r="S32" s="61"/>
      <c r="T32" s="134" t="s">
        <v>884</v>
      </c>
      <c r="U32" s="61"/>
      <c r="V32" s="59" t="s">
        <v>30</v>
      </c>
      <c r="W32" s="60" t="s">
        <v>30</v>
      </c>
      <c r="X32" s="60" t="s">
        <v>30</v>
      </c>
      <c r="Y32" s="60" t="s">
        <v>885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41"/>
      <c r="C33" s="33"/>
      <c r="D33" s="141"/>
      <c r="E33" s="176"/>
      <c r="F33" s="179"/>
      <c r="G33" s="33"/>
      <c r="H33" s="59"/>
      <c r="I33" s="33"/>
      <c r="J33" s="59"/>
      <c r="K33" s="132"/>
      <c r="L33" s="33"/>
      <c r="M33" s="133"/>
      <c r="N33" s="60"/>
      <c r="O33" s="61"/>
      <c r="P33" s="61"/>
      <c r="Q33" s="58"/>
      <c r="R33" s="33"/>
      <c r="S33" s="61"/>
      <c r="T33" s="134"/>
      <c r="U33" s="61"/>
      <c r="V33" s="59"/>
      <c r="W33" s="60"/>
      <c r="X33" s="60"/>
      <c r="Y33" s="60"/>
      <c r="Z33" s="135"/>
      <c r="AA33" s="27"/>
      <c r="AB33" s="27"/>
      <c r="AC33" s="27"/>
      <c r="AD33" s="28"/>
      <c r="AE33" s="29"/>
      <c r="AF33" s="29"/>
      <c r="AG33" s="29"/>
      <c r="AH33" s="27"/>
      <c r="AI33" s="27"/>
      <c r="AJ33" s="27"/>
      <c r="AK33" s="27"/>
      <c r="AL33" s="28"/>
      <c r="AM33" s="29"/>
      <c r="AN33" s="29"/>
      <c r="AO33" s="30"/>
    </row>
    <row r="34" spans="1:41" s="46" customFormat="1" ht="9.75" customHeight="1">
      <c r="A34" s="57"/>
      <c r="B34" s="131"/>
      <c r="C34" s="33"/>
      <c r="D34" s="141"/>
      <c r="E34" s="33"/>
      <c r="F34" s="34"/>
      <c r="G34" s="33"/>
      <c r="H34" s="59"/>
      <c r="I34" s="33"/>
      <c r="J34" s="59"/>
      <c r="K34" s="132"/>
      <c r="L34" s="33"/>
      <c r="M34" s="133"/>
      <c r="N34" s="60"/>
      <c r="O34" s="61"/>
      <c r="P34" s="185" t="s">
        <v>124</v>
      </c>
      <c r="Q34" s="178" t="s">
        <v>125</v>
      </c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31"/>
      <c r="C35" s="33"/>
      <c r="D35" s="141"/>
      <c r="E35" s="33"/>
      <c r="F35" s="34"/>
      <c r="G35" s="33"/>
      <c r="H35" s="59"/>
      <c r="I35" s="33"/>
      <c r="J35" s="59"/>
      <c r="K35" s="132"/>
      <c r="L35" s="33"/>
      <c r="M35" s="133"/>
      <c r="N35" s="60"/>
      <c r="O35" s="61"/>
      <c r="P35" s="186"/>
      <c r="Q35" s="179"/>
      <c r="R35" s="33"/>
      <c r="S35" s="61" t="s">
        <v>883</v>
      </c>
      <c r="T35" s="134" t="s">
        <v>884</v>
      </c>
      <c r="U35" s="61"/>
      <c r="V35" s="59" t="s">
        <v>30</v>
      </c>
      <c r="W35" s="60" t="s">
        <v>30</v>
      </c>
      <c r="X35" s="60" t="s">
        <v>30</v>
      </c>
      <c r="Y35" s="60" t="s">
        <v>885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31"/>
      <c r="C36" s="64"/>
      <c r="D36" s="159"/>
      <c r="E36" s="64"/>
      <c r="F36" s="77"/>
      <c r="G36" s="64"/>
      <c r="H36" s="66"/>
      <c r="I36" s="64"/>
      <c r="J36" s="66"/>
      <c r="K36" s="137"/>
      <c r="L36" s="64"/>
      <c r="M36" s="138"/>
      <c r="N36" s="67"/>
      <c r="O36" s="68"/>
      <c r="P36" s="187"/>
      <c r="Q36" s="180"/>
      <c r="R36" s="64"/>
      <c r="S36" s="68"/>
      <c r="T36" s="139"/>
      <c r="U36" s="68"/>
      <c r="V36" s="66"/>
      <c r="W36" s="67"/>
      <c r="X36" s="67"/>
      <c r="Y36" s="67"/>
      <c r="Z36" s="140"/>
      <c r="AA36" s="71"/>
      <c r="AB36" s="71"/>
      <c r="AC36" s="71"/>
      <c r="AD36" s="72"/>
      <c r="AE36" s="73"/>
      <c r="AF36" s="73"/>
      <c r="AG36" s="73"/>
      <c r="AH36" s="71"/>
      <c r="AI36" s="71"/>
      <c r="AJ36" s="71"/>
      <c r="AK36" s="71"/>
      <c r="AL36" s="72"/>
      <c r="AM36" s="73"/>
      <c r="AN36" s="73"/>
      <c r="AO36" s="74"/>
    </row>
    <row r="37" spans="1:41" s="46" customFormat="1" ht="9.75" customHeight="1">
      <c r="A37" s="57"/>
      <c r="B37" s="34"/>
      <c r="C37" s="175" t="s">
        <v>52</v>
      </c>
      <c r="D37" s="178" t="s">
        <v>125</v>
      </c>
      <c r="E37" s="48"/>
      <c r="F37" s="49"/>
      <c r="G37" s="48"/>
      <c r="H37" s="50"/>
      <c r="I37" s="48"/>
      <c r="J37" s="50"/>
      <c r="K37" s="128"/>
      <c r="L37" s="48"/>
      <c r="M37" s="129"/>
      <c r="N37" s="51"/>
      <c r="O37" s="52"/>
      <c r="P37" s="52"/>
      <c r="Q37" s="76"/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41"/>
      <c r="C38" s="176"/>
      <c r="D38" s="179"/>
      <c r="E38" s="33"/>
      <c r="F38" s="34"/>
      <c r="G38" s="33"/>
      <c r="H38" s="59" t="s">
        <v>30</v>
      </c>
      <c r="I38" s="33"/>
      <c r="J38" s="59" t="s">
        <v>871</v>
      </c>
      <c r="K38" s="132" t="s">
        <v>30</v>
      </c>
      <c r="L38" s="33"/>
      <c r="M38" s="133" t="s">
        <v>30</v>
      </c>
      <c r="N38" s="60" t="s">
        <v>871</v>
      </c>
      <c r="O38" s="61"/>
      <c r="P38" s="61"/>
      <c r="Q38" s="58"/>
      <c r="R38" s="33"/>
      <c r="S38" s="61"/>
      <c r="T38" s="134" t="s">
        <v>872</v>
      </c>
      <c r="U38" s="61"/>
      <c r="V38" s="59" t="s">
        <v>30</v>
      </c>
      <c r="W38" s="60" t="s">
        <v>30</v>
      </c>
      <c r="X38" s="60" t="s">
        <v>30</v>
      </c>
      <c r="Y38" s="60" t="s">
        <v>886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41"/>
      <c r="C39" s="176"/>
      <c r="D39" s="179"/>
      <c r="E39" s="33"/>
      <c r="F39" s="34"/>
      <c r="G39" s="33"/>
      <c r="H39" s="59"/>
      <c r="I39" s="33"/>
      <c r="J39" s="59"/>
      <c r="K39" s="132"/>
      <c r="L39" s="33"/>
      <c r="M39" s="133"/>
      <c r="N39" s="60"/>
      <c r="O39" s="61"/>
      <c r="P39" s="61"/>
      <c r="Q39" s="58"/>
      <c r="R39" s="33"/>
      <c r="S39" s="61"/>
      <c r="T39" s="134"/>
      <c r="U39" s="61"/>
      <c r="V39" s="59"/>
      <c r="W39" s="60"/>
      <c r="X39" s="60"/>
      <c r="Y39" s="60"/>
      <c r="Z39" s="135"/>
      <c r="AA39" s="27"/>
      <c r="AB39" s="27"/>
      <c r="AC39" s="27"/>
      <c r="AD39" s="28"/>
      <c r="AE39" s="29"/>
      <c r="AF39" s="29"/>
      <c r="AG39" s="29"/>
      <c r="AH39" s="27"/>
      <c r="AI39" s="27"/>
      <c r="AJ39" s="27"/>
      <c r="AK39" s="27"/>
      <c r="AL39" s="28"/>
      <c r="AM39" s="29"/>
      <c r="AN39" s="29"/>
      <c r="AO39" s="30"/>
    </row>
    <row r="40" spans="1:41" s="46" customFormat="1" ht="9.75" customHeight="1">
      <c r="A40" s="57"/>
      <c r="B40" s="131"/>
      <c r="C40" s="33"/>
      <c r="D40" s="34"/>
      <c r="E40" s="175" t="s">
        <v>21</v>
      </c>
      <c r="F40" s="188" t="s">
        <v>226</v>
      </c>
      <c r="G40" s="48"/>
      <c r="H40" s="50"/>
      <c r="I40" s="48"/>
      <c r="J40" s="50"/>
      <c r="K40" s="128"/>
      <c r="L40" s="48"/>
      <c r="M40" s="129"/>
      <c r="N40" s="51"/>
      <c r="O40" s="52"/>
      <c r="P40" s="52"/>
      <c r="Q40" s="76"/>
      <c r="R40" s="48"/>
      <c r="S40" s="52"/>
      <c r="T40" s="130"/>
      <c r="U40" s="52"/>
      <c r="V40" s="50"/>
      <c r="W40" s="51"/>
      <c r="X40" s="51"/>
      <c r="Y40" s="51"/>
      <c r="Z40" s="122" t="s">
        <v>3</v>
      </c>
      <c r="AA40" s="55"/>
      <c r="AB40" s="55"/>
      <c r="AC40" s="55"/>
      <c r="AD40" s="56"/>
      <c r="AE40" s="19"/>
      <c r="AF40" s="19"/>
      <c r="AG40" s="19"/>
      <c r="AH40" s="55"/>
      <c r="AI40" s="55"/>
      <c r="AJ40" s="55"/>
      <c r="AK40" s="55"/>
      <c r="AL40" s="56"/>
      <c r="AM40" s="19"/>
      <c r="AN40" s="19"/>
      <c r="AO40" s="26"/>
    </row>
    <row r="41" spans="1:41" s="46" customFormat="1" ht="9.75" customHeight="1">
      <c r="A41" s="57"/>
      <c r="B41" s="131"/>
      <c r="C41" s="33"/>
      <c r="D41" s="141"/>
      <c r="E41" s="176"/>
      <c r="F41" s="179"/>
      <c r="G41" s="33"/>
      <c r="H41" s="59" t="s">
        <v>30</v>
      </c>
      <c r="I41" s="33"/>
      <c r="J41" s="59" t="s">
        <v>871</v>
      </c>
      <c r="K41" s="132" t="s">
        <v>30</v>
      </c>
      <c r="L41" s="33"/>
      <c r="M41" s="133" t="s">
        <v>30</v>
      </c>
      <c r="N41" s="60" t="s">
        <v>871</v>
      </c>
      <c r="O41" s="61"/>
      <c r="P41" s="61"/>
      <c r="Q41" s="34"/>
      <c r="R41" s="33"/>
      <c r="S41" s="61"/>
      <c r="T41" s="134" t="s">
        <v>872</v>
      </c>
      <c r="U41" s="61"/>
      <c r="V41" s="59" t="s">
        <v>30</v>
      </c>
      <c r="W41" s="60" t="s">
        <v>30</v>
      </c>
      <c r="X41" s="60" t="s">
        <v>30</v>
      </c>
      <c r="Y41" s="60" t="s">
        <v>886</v>
      </c>
      <c r="Z41" s="135"/>
      <c r="AA41" s="27"/>
      <c r="AB41" s="27"/>
      <c r="AC41" s="27"/>
      <c r="AD41" s="28"/>
      <c r="AE41" s="29"/>
      <c r="AF41" s="29"/>
      <c r="AG41" s="29"/>
      <c r="AH41" s="27"/>
      <c r="AI41" s="27"/>
      <c r="AJ41" s="27"/>
      <c r="AK41" s="27"/>
      <c r="AL41" s="28"/>
      <c r="AM41" s="29"/>
      <c r="AN41" s="29"/>
      <c r="AO41" s="30"/>
    </row>
    <row r="42" spans="1:41" s="46" customFormat="1" ht="9.75" customHeight="1">
      <c r="A42" s="57"/>
      <c r="B42" s="131"/>
      <c r="C42" s="33"/>
      <c r="D42" s="141"/>
      <c r="E42" s="176"/>
      <c r="F42" s="179"/>
      <c r="G42" s="33"/>
      <c r="H42" s="59"/>
      <c r="I42" s="33"/>
      <c r="J42" s="59"/>
      <c r="K42" s="132"/>
      <c r="L42" s="33"/>
      <c r="M42" s="133"/>
      <c r="N42" s="60"/>
      <c r="O42" s="61"/>
      <c r="P42" s="61"/>
      <c r="Q42" s="34"/>
      <c r="R42" s="33"/>
      <c r="S42" s="61"/>
      <c r="T42" s="134"/>
      <c r="U42" s="61"/>
      <c r="V42" s="59"/>
      <c r="W42" s="60"/>
      <c r="X42" s="60"/>
      <c r="Y42" s="60"/>
      <c r="Z42" s="135"/>
      <c r="AA42" s="27"/>
      <c r="AB42" s="27"/>
      <c r="AC42" s="27"/>
      <c r="AD42" s="28"/>
      <c r="AE42" s="29"/>
      <c r="AF42" s="29"/>
      <c r="AG42" s="29"/>
      <c r="AH42" s="27"/>
      <c r="AI42" s="27"/>
      <c r="AJ42" s="27"/>
      <c r="AK42" s="27"/>
      <c r="AL42" s="28"/>
      <c r="AM42" s="29"/>
      <c r="AN42" s="29"/>
      <c r="AO42" s="30"/>
    </row>
    <row r="43" spans="1:41" s="46" customFormat="1" ht="9.75" customHeight="1">
      <c r="A43" s="57"/>
      <c r="B43" s="131"/>
      <c r="C43" s="33"/>
      <c r="D43" s="131"/>
      <c r="E43" s="33"/>
      <c r="F43" s="34"/>
      <c r="G43" s="33"/>
      <c r="H43" s="59"/>
      <c r="I43" s="33"/>
      <c r="J43" s="59"/>
      <c r="K43" s="132"/>
      <c r="L43" s="33"/>
      <c r="M43" s="133"/>
      <c r="N43" s="60"/>
      <c r="O43" s="61"/>
      <c r="P43" s="185" t="s">
        <v>124</v>
      </c>
      <c r="Q43" s="178" t="s">
        <v>125</v>
      </c>
      <c r="R43" s="48"/>
      <c r="S43" s="52"/>
      <c r="T43" s="130"/>
      <c r="U43" s="52"/>
      <c r="V43" s="50"/>
      <c r="W43" s="51"/>
      <c r="X43" s="51"/>
      <c r="Y43" s="51"/>
      <c r="Z43" s="122" t="s">
        <v>3</v>
      </c>
      <c r="AA43" s="55"/>
      <c r="AB43" s="55"/>
      <c r="AC43" s="55"/>
      <c r="AD43" s="56"/>
      <c r="AE43" s="19"/>
      <c r="AF43" s="19"/>
      <c r="AG43" s="19"/>
      <c r="AH43" s="55"/>
      <c r="AI43" s="55"/>
      <c r="AJ43" s="55"/>
      <c r="AK43" s="55"/>
      <c r="AL43" s="56"/>
      <c r="AM43" s="19"/>
      <c r="AN43" s="19"/>
      <c r="AO43" s="26"/>
    </row>
    <row r="44" spans="1:41" s="46" customFormat="1" ht="9.75" customHeight="1">
      <c r="A44" s="57"/>
      <c r="B44" s="131"/>
      <c r="C44" s="33"/>
      <c r="D44" s="131"/>
      <c r="E44" s="33"/>
      <c r="F44" s="34"/>
      <c r="G44" s="33"/>
      <c r="H44" s="59"/>
      <c r="I44" s="33"/>
      <c r="J44" s="59"/>
      <c r="K44" s="132"/>
      <c r="L44" s="33"/>
      <c r="M44" s="133"/>
      <c r="N44" s="60"/>
      <c r="O44" s="61"/>
      <c r="P44" s="186"/>
      <c r="Q44" s="179"/>
      <c r="R44" s="33"/>
      <c r="S44" s="61" t="s">
        <v>871</v>
      </c>
      <c r="T44" s="134" t="s">
        <v>872</v>
      </c>
      <c r="U44" s="61"/>
      <c r="V44" s="59" t="s">
        <v>30</v>
      </c>
      <c r="W44" s="60" t="s">
        <v>30</v>
      </c>
      <c r="X44" s="60" t="s">
        <v>30</v>
      </c>
      <c r="Y44" s="60" t="s">
        <v>886</v>
      </c>
      <c r="Z44" s="135"/>
      <c r="AA44" s="27"/>
      <c r="AB44" s="27"/>
      <c r="AC44" s="27"/>
      <c r="AD44" s="28"/>
      <c r="AE44" s="29"/>
      <c r="AF44" s="29"/>
      <c r="AG44" s="29"/>
      <c r="AH44" s="27"/>
      <c r="AI44" s="27"/>
      <c r="AJ44" s="27"/>
      <c r="AK44" s="27"/>
      <c r="AL44" s="28"/>
      <c r="AM44" s="29"/>
      <c r="AN44" s="29"/>
      <c r="AO44" s="30"/>
    </row>
    <row r="45" spans="1:41" s="46" customFormat="1" ht="9.75" customHeight="1">
      <c r="A45" s="57"/>
      <c r="B45" s="131"/>
      <c r="C45" s="33"/>
      <c r="D45" s="131"/>
      <c r="E45" s="33"/>
      <c r="F45" s="34"/>
      <c r="G45" s="33"/>
      <c r="H45" s="59"/>
      <c r="I45" s="33"/>
      <c r="J45" s="59"/>
      <c r="K45" s="132"/>
      <c r="L45" s="33"/>
      <c r="M45" s="133"/>
      <c r="N45" s="60"/>
      <c r="O45" s="61"/>
      <c r="P45" s="187"/>
      <c r="Q45" s="180"/>
      <c r="R45" s="33"/>
      <c r="S45" s="61"/>
      <c r="T45" s="134"/>
      <c r="U45" s="61"/>
      <c r="V45" s="59"/>
      <c r="W45" s="60"/>
      <c r="X45" s="60"/>
      <c r="Y45" s="60"/>
      <c r="Z45" s="135"/>
      <c r="AA45" s="27"/>
      <c r="AB45" s="27"/>
      <c r="AC45" s="27"/>
      <c r="AD45" s="28"/>
      <c r="AE45" s="29"/>
      <c r="AF45" s="29"/>
      <c r="AG45" s="29"/>
      <c r="AH45" s="27"/>
      <c r="AI45" s="27"/>
      <c r="AJ45" s="27"/>
      <c r="AK45" s="27"/>
      <c r="AL45" s="28"/>
      <c r="AM45" s="29"/>
      <c r="AN45" s="29"/>
      <c r="AO45" s="30"/>
    </row>
    <row r="46" spans="1:41" s="46" customFormat="1" ht="9.75" customHeight="1">
      <c r="A46" s="80"/>
      <c r="B46" s="142"/>
      <c r="C46" s="52"/>
      <c r="D46" s="142"/>
      <c r="E46" s="52"/>
      <c r="F46" s="76"/>
      <c r="G46" s="82"/>
      <c r="H46" s="83"/>
      <c r="I46" s="82"/>
      <c r="J46" s="83"/>
      <c r="K46" s="143"/>
      <c r="L46" s="82"/>
      <c r="M46" s="144"/>
      <c r="N46" s="84"/>
      <c r="O46" s="85"/>
      <c r="P46" s="85"/>
      <c r="Q46" s="86"/>
      <c r="R46" s="82"/>
      <c r="S46" s="85"/>
      <c r="T46" s="145"/>
      <c r="U46" s="85"/>
      <c r="V46" s="83"/>
      <c r="W46" s="84"/>
      <c r="X46" s="84"/>
      <c r="Y46" s="84"/>
      <c r="Z46" s="146" t="s">
        <v>3</v>
      </c>
      <c r="AA46" s="89"/>
      <c r="AB46" s="89"/>
      <c r="AC46" s="89"/>
      <c r="AD46" s="90"/>
      <c r="AE46" s="91"/>
      <c r="AF46" s="91"/>
      <c r="AG46" s="91"/>
      <c r="AH46" s="89"/>
      <c r="AI46" s="89"/>
      <c r="AJ46" s="89"/>
      <c r="AK46" s="89"/>
      <c r="AL46" s="90"/>
      <c r="AM46" s="91"/>
      <c r="AN46" s="91"/>
      <c r="AO46" s="92"/>
    </row>
    <row r="47" spans="1:41" s="46" customFormat="1" ht="9.75" customHeight="1">
      <c r="A47" s="181" t="s">
        <v>129</v>
      </c>
      <c r="B47" s="182"/>
      <c r="C47" s="183"/>
      <c r="D47" s="183"/>
      <c r="E47" s="183"/>
      <c r="F47" s="184"/>
      <c r="G47" s="230" t="s">
        <v>860</v>
      </c>
      <c r="H47" s="231"/>
      <c r="I47" s="35" t="s">
        <v>133</v>
      </c>
      <c r="J47" s="36" t="s">
        <v>861</v>
      </c>
      <c r="K47" s="37" t="s">
        <v>30</v>
      </c>
      <c r="L47" s="35"/>
      <c r="M47" s="36" t="s">
        <v>30</v>
      </c>
      <c r="N47" s="124" t="s">
        <v>862</v>
      </c>
      <c r="O47" s="147"/>
      <c r="P47" s="38"/>
      <c r="Q47" s="39"/>
      <c r="R47" s="35"/>
      <c r="S47" s="38"/>
      <c r="T47" s="148" t="s">
        <v>863</v>
      </c>
      <c r="U47" s="38"/>
      <c r="V47" s="36" t="s">
        <v>30</v>
      </c>
      <c r="W47" s="37" t="s">
        <v>30</v>
      </c>
      <c r="X47" s="36" t="s">
        <v>30</v>
      </c>
      <c r="Y47" s="37" t="s">
        <v>875</v>
      </c>
      <c r="Z47" s="149"/>
      <c r="AA47" s="43"/>
      <c r="AB47" s="43"/>
      <c r="AC47" s="43"/>
      <c r="AD47" s="43"/>
      <c r="AE47" s="44"/>
      <c r="AF47" s="44"/>
      <c r="AG47" s="44"/>
      <c r="AH47" s="42"/>
      <c r="AI47" s="42"/>
      <c r="AJ47" s="42"/>
      <c r="AK47" s="42"/>
      <c r="AL47" s="43"/>
      <c r="AM47" s="43"/>
      <c r="AN47" s="43"/>
      <c r="AO47" s="45"/>
    </row>
    <row r="48" spans="1:41" s="46" customFormat="1" ht="9.75" customHeight="1">
      <c r="A48" s="93"/>
      <c r="B48" s="150"/>
      <c r="C48" s="98"/>
      <c r="D48" s="150"/>
      <c r="E48" s="98"/>
      <c r="F48" s="99"/>
      <c r="G48" s="95"/>
      <c r="H48" s="96"/>
      <c r="I48" s="95"/>
      <c r="J48" s="96"/>
      <c r="K48" s="151"/>
      <c r="L48" s="95"/>
      <c r="M48" s="152"/>
      <c r="N48" s="97"/>
      <c r="O48" s="98"/>
      <c r="P48" s="98"/>
      <c r="Q48" s="99"/>
      <c r="R48" s="95"/>
      <c r="S48" s="98"/>
      <c r="T48" s="153"/>
      <c r="U48" s="98"/>
      <c r="V48" s="96"/>
      <c r="W48" s="97"/>
      <c r="X48" s="97"/>
      <c r="Y48" s="97"/>
      <c r="Z48" s="154"/>
      <c r="AA48" s="102"/>
      <c r="AB48" s="102"/>
      <c r="AC48" s="102"/>
      <c r="AD48" s="103"/>
      <c r="AE48" s="104"/>
      <c r="AF48" s="104"/>
      <c r="AG48" s="104"/>
      <c r="AH48" s="102"/>
      <c r="AI48" s="102"/>
      <c r="AJ48" s="102"/>
      <c r="AK48" s="102"/>
      <c r="AL48" s="103"/>
      <c r="AM48" s="104"/>
      <c r="AN48" s="104"/>
      <c r="AO48" s="155"/>
    </row>
    <row r="49" spans="1:41" ht="9.75" customHeight="1">
      <c r="A49" s="105"/>
      <c r="B49" s="106"/>
      <c r="C49" s="106"/>
      <c r="D49" s="106"/>
      <c r="E49" s="106"/>
      <c r="F49" s="106"/>
      <c r="G49" s="106"/>
      <c r="H49" s="106"/>
      <c r="I49" s="106"/>
      <c r="J49" s="106"/>
      <c r="K49" s="106"/>
      <c r="L49" s="106"/>
      <c r="M49" s="106"/>
      <c r="N49" s="106"/>
      <c r="O49" s="106"/>
      <c r="P49" s="106"/>
      <c r="Q49" s="106"/>
      <c r="R49" s="106"/>
      <c r="S49" s="106"/>
      <c r="T49" s="106"/>
      <c r="U49" s="106"/>
      <c r="V49" s="106"/>
      <c r="W49" s="106"/>
      <c r="X49" s="106"/>
      <c r="Y49" s="106"/>
      <c r="Z49" s="107"/>
      <c r="AA49" s="107"/>
      <c r="AB49" s="107"/>
      <c r="AC49" s="107"/>
      <c r="AD49" s="107"/>
      <c r="AE49" s="107"/>
      <c r="AF49" s="107"/>
      <c r="AG49" s="107"/>
      <c r="AH49" s="107"/>
      <c r="AI49" s="107"/>
      <c r="AJ49" s="107"/>
      <c r="AK49" s="107"/>
      <c r="AL49" s="107"/>
      <c r="AM49" s="107"/>
      <c r="AN49" s="107"/>
      <c r="AO49" s="108"/>
    </row>
    <row r="50" spans="1:41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1"/>
    </row>
    <row r="51" spans="1:41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1"/>
    </row>
    <row r="52" spans="1:41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0"/>
      <c r="AN52" s="110"/>
      <c r="AO52" s="111"/>
    </row>
    <row r="53" spans="1:41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0"/>
      <c r="AN53" s="110"/>
      <c r="AO53" s="111"/>
    </row>
    <row r="54" spans="1:41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0"/>
      <c r="AN54" s="110"/>
      <c r="AO54" s="111"/>
    </row>
    <row r="55" spans="1:41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0"/>
      <c r="AN55" s="110"/>
      <c r="AO55" s="111"/>
    </row>
    <row r="56" spans="1:41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0"/>
      <c r="AN56" s="110"/>
      <c r="AO56" s="111"/>
    </row>
    <row r="57" spans="1:41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0"/>
      <c r="AN57" s="110"/>
      <c r="AO57" s="111"/>
    </row>
    <row r="58" spans="1:41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0"/>
      <c r="AN58" s="110"/>
      <c r="AO58" s="111"/>
    </row>
    <row r="59" spans="1:41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1"/>
    </row>
    <row r="60" spans="1:41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0"/>
      <c r="AN60" s="110"/>
      <c r="AO60" s="111"/>
    </row>
    <row r="61" spans="1:41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0"/>
      <c r="AN61" s="110"/>
      <c r="AO61" s="111"/>
    </row>
    <row r="62" spans="1:41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0"/>
      <c r="AN62" s="110"/>
      <c r="AO62" s="111"/>
    </row>
    <row r="63" spans="1:41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0"/>
      <c r="AN63" s="110"/>
      <c r="AO63" s="111"/>
    </row>
    <row r="64" spans="1:41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0"/>
      <c r="AN64" s="110"/>
      <c r="AO64" s="111"/>
    </row>
    <row r="65" spans="1:41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0"/>
      <c r="AN65" s="110"/>
      <c r="AO65" s="111"/>
    </row>
    <row r="66" spans="1:41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1"/>
    </row>
    <row r="67" spans="1:41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0"/>
      <c r="AN67" s="110"/>
      <c r="AO67" s="111"/>
    </row>
    <row r="68" spans="1:41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1"/>
    </row>
    <row r="69" spans="1:41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0"/>
      <c r="AN69" s="110"/>
      <c r="AO69" s="111"/>
    </row>
    <row r="70" spans="1:41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0"/>
      <c r="AN70" s="110"/>
      <c r="AO70" s="111"/>
    </row>
    <row r="71" spans="1:41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1"/>
    </row>
    <row r="72" spans="1:41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1"/>
    </row>
    <row r="73" spans="1:41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0"/>
      <c r="AN73" s="110"/>
      <c r="AO73" s="111"/>
    </row>
    <row r="74" spans="1:41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0"/>
      <c r="AN74" s="110"/>
      <c r="AO74" s="111"/>
    </row>
    <row r="75" spans="1:41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1"/>
    </row>
    <row r="76" spans="1:41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0"/>
      <c r="AN76" s="110"/>
      <c r="AO76" s="111"/>
    </row>
    <row r="77" spans="1:41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0"/>
      <c r="AN77" s="110"/>
      <c r="AO77" s="111"/>
    </row>
    <row r="78" spans="1:41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0"/>
      <c r="AN78" s="110"/>
      <c r="AO78" s="111"/>
    </row>
    <row r="79" spans="1:41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1"/>
    </row>
    <row r="80" spans="1:41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1"/>
    </row>
    <row r="81" spans="1:41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0"/>
      <c r="AN81" s="110"/>
      <c r="AO81" s="111"/>
    </row>
    <row r="82" spans="1:41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0"/>
      <c r="AN82" s="110"/>
      <c r="AO82" s="111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47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C22:C24"/>
    <mergeCell ref="D22:D24"/>
    <mergeCell ref="E25:E27"/>
    <mergeCell ref="F25:F27"/>
    <mergeCell ref="P28:P30"/>
    <mergeCell ref="Q28:Q30"/>
    <mergeCell ref="E31:E33"/>
    <mergeCell ref="F31:F33"/>
    <mergeCell ref="P43:P45"/>
    <mergeCell ref="Q43:Q45"/>
    <mergeCell ref="A47:F47"/>
    <mergeCell ref="G47:H47"/>
    <mergeCell ref="P34:P36"/>
    <mergeCell ref="Q34:Q36"/>
    <mergeCell ref="C37:C39"/>
    <mergeCell ref="D37:D39"/>
    <mergeCell ref="E40:E42"/>
    <mergeCell ref="F40:F42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887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279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194" t="s">
        <v>888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889</v>
      </c>
      <c r="I12" s="35"/>
      <c r="J12" s="36" t="s">
        <v>30</v>
      </c>
      <c r="K12" s="37" t="s">
        <v>30</v>
      </c>
      <c r="L12" s="37" t="s">
        <v>889</v>
      </c>
      <c r="M12" s="38"/>
      <c r="N12" s="38"/>
      <c r="O12" s="39"/>
      <c r="P12" s="35"/>
      <c r="Q12" s="36"/>
      <c r="R12" s="35" t="s">
        <v>890</v>
      </c>
      <c r="S12" s="40"/>
      <c r="T12" s="41" t="s">
        <v>891</v>
      </c>
      <c r="U12" s="36" t="s">
        <v>892</v>
      </c>
      <c r="V12" s="35"/>
      <c r="W12" s="36" t="s">
        <v>893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78" t="s">
        <v>31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894</v>
      </c>
      <c r="I15" s="33"/>
      <c r="J15" s="59" t="s">
        <v>30</v>
      </c>
      <c r="K15" s="60" t="s">
        <v>30</v>
      </c>
      <c r="L15" s="60" t="s">
        <v>894</v>
      </c>
      <c r="M15" s="61"/>
      <c r="N15" s="61"/>
      <c r="O15" s="34"/>
      <c r="P15" s="33"/>
      <c r="Q15" s="59"/>
      <c r="R15" s="33" t="s">
        <v>895</v>
      </c>
      <c r="S15" s="62"/>
      <c r="T15" s="63" t="s">
        <v>896</v>
      </c>
      <c r="U15" s="59" t="s">
        <v>892</v>
      </c>
      <c r="V15" s="33"/>
      <c r="W15" s="59" t="s">
        <v>897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34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894</v>
      </c>
      <c r="I18" s="33"/>
      <c r="J18" s="59" t="s">
        <v>30</v>
      </c>
      <c r="K18" s="60" t="s">
        <v>30</v>
      </c>
      <c r="L18" s="60" t="s">
        <v>894</v>
      </c>
      <c r="M18" s="61"/>
      <c r="N18" s="61"/>
      <c r="O18" s="34"/>
      <c r="P18" s="33"/>
      <c r="Q18" s="59"/>
      <c r="R18" s="33" t="s">
        <v>895</v>
      </c>
      <c r="S18" s="62"/>
      <c r="T18" s="63" t="s">
        <v>896</v>
      </c>
      <c r="U18" s="59" t="s">
        <v>892</v>
      </c>
      <c r="V18" s="33"/>
      <c r="W18" s="59" t="s">
        <v>897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89" t="s">
        <v>898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90"/>
      <c r="P21" s="33"/>
      <c r="Q21" s="59" t="s">
        <v>899</v>
      </c>
      <c r="R21" s="33" t="s">
        <v>900</v>
      </c>
      <c r="S21" s="62"/>
      <c r="T21" s="63" t="s">
        <v>901</v>
      </c>
      <c r="U21" s="59" t="s">
        <v>30</v>
      </c>
      <c r="V21" s="33"/>
      <c r="W21" s="59" t="s">
        <v>902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33"/>
      <c r="D22" s="58"/>
      <c r="E22" s="33"/>
      <c r="F22" s="58"/>
      <c r="G22" s="33"/>
      <c r="H22" s="59"/>
      <c r="I22" s="33"/>
      <c r="J22" s="59"/>
      <c r="K22" s="60"/>
      <c r="L22" s="60"/>
      <c r="M22" s="61"/>
      <c r="N22" s="187"/>
      <c r="O22" s="191"/>
      <c r="P22" s="33"/>
      <c r="Q22" s="59"/>
      <c r="R22" s="33"/>
      <c r="S22" s="62"/>
      <c r="T22" s="63"/>
      <c r="U22" s="59"/>
      <c r="V22" s="33"/>
      <c r="W22" s="59"/>
      <c r="X22" s="27"/>
      <c r="Y22" s="27"/>
      <c r="Z22" s="27"/>
      <c r="AA22" s="27"/>
      <c r="AB22" s="28"/>
      <c r="AC22" s="28"/>
      <c r="AD22" s="28"/>
      <c r="AE22" s="28"/>
      <c r="AF22" s="28"/>
      <c r="AG22" s="28"/>
      <c r="AH22" s="28"/>
      <c r="AI22" s="28"/>
      <c r="AJ22" s="28"/>
      <c r="AK22" s="29"/>
      <c r="AL22" s="29"/>
      <c r="AM22" s="30"/>
    </row>
    <row r="23" spans="1:39" s="46" customFormat="1" ht="9.75" customHeight="1">
      <c r="A23" s="57"/>
      <c r="B23" s="58"/>
      <c r="C23" s="33"/>
      <c r="D23" s="58"/>
      <c r="E23" s="33"/>
      <c r="F23" s="58"/>
      <c r="G23" s="33"/>
      <c r="H23" s="59"/>
      <c r="I23" s="33"/>
      <c r="J23" s="59"/>
      <c r="K23" s="60"/>
      <c r="L23" s="60"/>
      <c r="M23" s="61"/>
      <c r="N23" s="185" t="s">
        <v>36</v>
      </c>
      <c r="O23" s="189" t="s">
        <v>903</v>
      </c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57"/>
      <c r="B24" s="58"/>
      <c r="C24" s="33"/>
      <c r="D24" s="58"/>
      <c r="E24" s="33"/>
      <c r="F24" s="58"/>
      <c r="G24" s="33"/>
      <c r="H24" s="59"/>
      <c r="I24" s="33"/>
      <c r="J24" s="59"/>
      <c r="K24" s="60"/>
      <c r="L24" s="60"/>
      <c r="M24" s="61"/>
      <c r="N24" s="186"/>
      <c r="O24" s="190"/>
      <c r="P24" s="33"/>
      <c r="Q24" s="59" t="s">
        <v>904</v>
      </c>
      <c r="R24" s="33" t="s">
        <v>905</v>
      </c>
      <c r="S24" s="62"/>
      <c r="T24" s="63" t="s">
        <v>905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57"/>
      <c r="B25" s="58"/>
      <c r="C25" s="33"/>
      <c r="D25" s="58"/>
      <c r="E25" s="33"/>
      <c r="F25" s="58"/>
      <c r="G25" s="33"/>
      <c r="H25" s="59"/>
      <c r="I25" s="33"/>
      <c r="J25" s="59"/>
      <c r="K25" s="60"/>
      <c r="L25" s="60"/>
      <c r="M25" s="61"/>
      <c r="N25" s="187"/>
      <c r="O25" s="191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57"/>
      <c r="B26" s="58"/>
      <c r="C26" s="33"/>
      <c r="D26" s="58"/>
      <c r="E26" s="33"/>
      <c r="F26" s="58"/>
      <c r="G26" s="33"/>
      <c r="H26" s="59"/>
      <c r="I26" s="33"/>
      <c r="J26" s="59"/>
      <c r="K26" s="60"/>
      <c r="L26" s="60"/>
      <c r="M26" s="61"/>
      <c r="N26" s="185" t="s">
        <v>52</v>
      </c>
      <c r="O26" s="189" t="s">
        <v>906</v>
      </c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58"/>
      <c r="E27" s="33"/>
      <c r="F27" s="58"/>
      <c r="G27" s="33"/>
      <c r="H27" s="59"/>
      <c r="I27" s="33"/>
      <c r="J27" s="59"/>
      <c r="K27" s="60"/>
      <c r="L27" s="60"/>
      <c r="M27" s="61"/>
      <c r="N27" s="186"/>
      <c r="O27" s="190"/>
      <c r="P27" s="33"/>
      <c r="Q27" s="59" t="s">
        <v>30</v>
      </c>
      <c r="R27" s="33" t="s">
        <v>907</v>
      </c>
      <c r="S27" s="62"/>
      <c r="T27" s="63" t="s">
        <v>908</v>
      </c>
      <c r="U27" s="59" t="s">
        <v>892</v>
      </c>
      <c r="V27" s="33"/>
      <c r="W27" s="59" t="s">
        <v>909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64"/>
      <c r="D28" s="65"/>
      <c r="E28" s="64"/>
      <c r="F28" s="65"/>
      <c r="G28" s="64"/>
      <c r="H28" s="66"/>
      <c r="I28" s="64"/>
      <c r="J28" s="66"/>
      <c r="K28" s="67"/>
      <c r="L28" s="67"/>
      <c r="M28" s="68"/>
      <c r="N28" s="187"/>
      <c r="O28" s="191"/>
      <c r="P28" s="64"/>
      <c r="Q28" s="66"/>
      <c r="R28" s="64"/>
      <c r="S28" s="69"/>
      <c r="T28" s="70"/>
      <c r="U28" s="66"/>
      <c r="V28" s="64"/>
      <c r="W28" s="66"/>
      <c r="X28" s="71"/>
      <c r="Y28" s="71"/>
      <c r="Z28" s="71"/>
      <c r="AA28" s="71"/>
      <c r="AB28" s="72"/>
      <c r="AC28" s="72"/>
      <c r="AD28" s="72"/>
      <c r="AE28" s="72"/>
      <c r="AF28" s="72"/>
      <c r="AG28" s="72"/>
      <c r="AH28" s="72"/>
      <c r="AI28" s="72"/>
      <c r="AJ28" s="72"/>
      <c r="AK28" s="73"/>
      <c r="AL28" s="73"/>
      <c r="AM28" s="74"/>
    </row>
    <row r="29" spans="1:39" s="46" customFormat="1" ht="9.75" customHeight="1">
      <c r="A29" s="47"/>
      <c r="B29" s="75"/>
      <c r="C29" s="175" t="s">
        <v>36</v>
      </c>
      <c r="D29" s="178" t="s">
        <v>37</v>
      </c>
      <c r="E29" s="48"/>
      <c r="F29" s="49"/>
      <c r="G29" s="48"/>
      <c r="H29" s="50"/>
      <c r="I29" s="48"/>
      <c r="J29" s="50"/>
      <c r="K29" s="51"/>
      <c r="L29" s="51"/>
      <c r="M29" s="52"/>
      <c r="N29" s="52"/>
      <c r="O29" s="76"/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47"/>
      <c r="B30" s="75"/>
      <c r="C30" s="176"/>
      <c r="D30" s="179"/>
      <c r="E30" s="33"/>
      <c r="F30" s="34"/>
      <c r="G30" s="33"/>
      <c r="H30" s="59" t="s">
        <v>910</v>
      </c>
      <c r="I30" s="33"/>
      <c r="J30" s="59" t="s">
        <v>30</v>
      </c>
      <c r="K30" s="60" t="s">
        <v>30</v>
      </c>
      <c r="L30" s="60" t="s">
        <v>910</v>
      </c>
      <c r="M30" s="61"/>
      <c r="N30" s="61"/>
      <c r="O30" s="58"/>
      <c r="P30" s="33"/>
      <c r="Q30" s="59"/>
      <c r="R30" s="33" t="s">
        <v>911</v>
      </c>
      <c r="S30" s="62"/>
      <c r="T30" s="63" t="s">
        <v>911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47"/>
      <c r="B31" s="75"/>
      <c r="C31" s="176"/>
      <c r="D31" s="179"/>
      <c r="E31" s="33"/>
      <c r="F31" s="34"/>
      <c r="G31" s="33"/>
      <c r="H31" s="59"/>
      <c r="I31" s="33"/>
      <c r="J31" s="59"/>
      <c r="K31" s="60"/>
      <c r="L31" s="60"/>
      <c r="M31" s="61"/>
      <c r="N31" s="61"/>
      <c r="O31" s="58"/>
      <c r="P31" s="33"/>
      <c r="Q31" s="59"/>
      <c r="R31" s="33"/>
      <c r="S31" s="62"/>
      <c r="T31" s="63"/>
      <c r="U31" s="59"/>
      <c r="V31" s="33"/>
      <c r="W31" s="59"/>
      <c r="X31" s="27"/>
      <c r="Y31" s="27"/>
      <c r="Z31" s="27"/>
      <c r="AA31" s="27"/>
      <c r="AB31" s="28"/>
      <c r="AC31" s="28"/>
      <c r="AD31" s="28"/>
      <c r="AE31" s="28"/>
      <c r="AF31" s="28"/>
      <c r="AG31" s="28"/>
      <c r="AH31" s="28"/>
      <c r="AI31" s="28"/>
      <c r="AJ31" s="28"/>
      <c r="AK31" s="29"/>
      <c r="AL31" s="29"/>
      <c r="AM31" s="30"/>
    </row>
    <row r="32" spans="1:39" s="46" customFormat="1" ht="9.75" customHeight="1">
      <c r="A32" s="47"/>
      <c r="B32" s="39"/>
      <c r="C32" s="33"/>
      <c r="D32" s="34"/>
      <c r="E32" s="175" t="s">
        <v>21</v>
      </c>
      <c r="F32" s="188" t="s">
        <v>41</v>
      </c>
      <c r="G32" s="48"/>
      <c r="H32" s="50"/>
      <c r="I32" s="48"/>
      <c r="J32" s="50"/>
      <c r="K32" s="51"/>
      <c r="L32" s="51"/>
      <c r="M32" s="52"/>
      <c r="N32" s="52"/>
      <c r="O32" s="49"/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57"/>
      <c r="B33" s="58"/>
      <c r="C33" s="33"/>
      <c r="D33" s="34"/>
      <c r="E33" s="176"/>
      <c r="F33" s="179"/>
      <c r="G33" s="33"/>
      <c r="H33" s="59" t="s">
        <v>910</v>
      </c>
      <c r="I33" s="33"/>
      <c r="J33" s="59" t="s">
        <v>30</v>
      </c>
      <c r="K33" s="60" t="s">
        <v>30</v>
      </c>
      <c r="L33" s="60" t="s">
        <v>910</v>
      </c>
      <c r="M33" s="61"/>
      <c r="N33" s="61"/>
      <c r="O33" s="34"/>
      <c r="P33" s="33"/>
      <c r="Q33" s="59"/>
      <c r="R33" s="33" t="s">
        <v>911</v>
      </c>
      <c r="S33" s="62"/>
      <c r="T33" s="63" t="s">
        <v>911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57"/>
      <c r="B34" s="58"/>
      <c r="C34" s="64"/>
      <c r="D34" s="77"/>
      <c r="E34" s="177"/>
      <c r="F34" s="180"/>
      <c r="G34" s="64"/>
      <c r="H34" s="66"/>
      <c r="I34" s="64"/>
      <c r="J34" s="66"/>
      <c r="K34" s="67"/>
      <c r="L34" s="67"/>
      <c r="M34" s="68"/>
      <c r="N34" s="68"/>
      <c r="O34" s="77"/>
      <c r="P34" s="64"/>
      <c r="Q34" s="66"/>
      <c r="R34" s="64"/>
      <c r="S34" s="69"/>
      <c r="T34" s="70"/>
      <c r="U34" s="66"/>
      <c r="V34" s="64"/>
      <c r="W34" s="66"/>
      <c r="X34" s="71"/>
      <c r="Y34" s="71"/>
      <c r="Z34" s="71"/>
      <c r="AA34" s="71"/>
      <c r="AB34" s="72"/>
      <c r="AC34" s="72"/>
      <c r="AD34" s="72"/>
      <c r="AE34" s="72"/>
      <c r="AF34" s="72"/>
      <c r="AG34" s="72"/>
      <c r="AH34" s="72"/>
      <c r="AI34" s="72"/>
      <c r="AJ34" s="72"/>
      <c r="AK34" s="73"/>
      <c r="AL34" s="73"/>
      <c r="AM34" s="74"/>
    </row>
    <row r="35" spans="1:39" s="46" customFormat="1" ht="9.75" customHeight="1">
      <c r="A35" s="47"/>
      <c r="B35" s="75"/>
      <c r="C35" s="175" t="s">
        <v>52</v>
      </c>
      <c r="D35" s="178" t="s">
        <v>53</v>
      </c>
      <c r="E35" s="48"/>
      <c r="F35" s="49"/>
      <c r="G35" s="48"/>
      <c r="H35" s="50"/>
      <c r="I35" s="48"/>
      <c r="J35" s="50"/>
      <c r="K35" s="51"/>
      <c r="L35" s="51"/>
      <c r="M35" s="52"/>
      <c r="N35" s="52"/>
      <c r="O35" s="76"/>
      <c r="P35" s="48"/>
      <c r="Q35" s="50"/>
      <c r="R35" s="48"/>
      <c r="S35" s="53"/>
      <c r="T35" s="54"/>
      <c r="U35" s="50"/>
      <c r="V35" s="48"/>
      <c r="W35" s="50"/>
      <c r="X35" s="55" t="s">
        <v>3</v>
      </c>
      <c r="Y35" s="55"/>
      <c r="Z35" s="55"/>
      <c r="AA35" s="55"/>
      <c r="AB35" s="56"/>
      <c r="AC35" s="56"/>
      <c r="AD35" s="56"/>
      <c r="AE35" s="56"/>
      <c r="AF35" s="56"/>
      <c r="AG35" s="56"/>
      <c r="AH35" s="56"/>
      <c r="AI35" s="56"/>
      <c r="AJ35" s="56"/>
      <c r="AK35" s="19"/>
      <c r="AL35" s="19"/>
      <c r="AM35" s="26"/>
    </row>
    <row r="36" spans="1:39" s="46" customFormat="1" ht="9.75" customHeight="1">
      <c r="A36" s="47"/>
      <c r="B36" s="75"/>
      <c r="C36" s="176"/>
      <c r="D36" s="179"/>
      <c r="E36" s="33"/>
      <c r="F36" s="34"/>
      <c r="G36" s="33"/>
      <c r="H36" s="59" t="s">
        <v>912</v>
      </c>
      <c r="I36" s="33"/>
      <c r="J36" s="59" t="s">
        <v>30</v>
      </c>
      <c r="K36" s="60" t="s">
        <v>30</v>
      </c>
      <c r="L36" s="60" t="s">
        <v>912</v>
      </c>
      <c r="M36" s="61"/>
      <c r="N36" s="61"/>
      <c r="O36" s="58"/>
      <c r="P36" s="33"/>
      <c r="Q36" s="59"/>
      <c r="R36" s="33" t="s">
        <v>913</v>
      </c>
      <c r="S36" s="62"/>
      <c r="T36" s="63" t="s">
        <v>913</v>
      </c>
      <c r="U36" s="59" t="s">
        <v>30</v>
      </c>
      <c r="V36" s="33"/>
      <c r="W36" s="59" t="s">
        <v>30</v>
      </c>
      <c r="X36" s="27"/>
      <c r="Y36" s="27"/>
      <c r="Z36" s="27"/>
      <c r="AA36" s="27"/>
      <c r="AB36" s="28"/>
      <c r="AC36" s="28"/>
      <c r="AD36" s="28"/>
      <c r="AE36" s="28"/>
      <c r="AF36" s="28"/>
      <c r="AG36" s="28"/>
      <c r="AH36" s="28"/>
      <c r="AI36" s="28"/>
      <c r="AJ36" s="28"/>
      <c r="AK36" s="29"/>
      <c r="AL36" s="29"/>
      <c r="AM36" s="30"/>
    </row>
    <row r="37" spans="1:39" s="46" customFormat="1" ht="9.75" customHeight="1">
      <c r="A37" s="47"/>
      <c r="B37" s="75"/>
      <c r="C37" s="176"/>
      <c r="D37" s="179"/>
      <c r="E37" s="33"/>
      <c r="F37" s="34"/>
      <c r="G37" s="33"/>
      <c r="H37" s="59"/>
      <c r="I37" s="33"/>
      <c r="J37" s="59"/>
      <c r="K37" s="60"/>
      <c r="L37" s="60"/>
      <c r="M37" s="61"/>
      <c r="N37" s="61"/>
      <c r="O37" s="58"/>
      <c r="P37" s="33"/>
      <c r="Q37" s="59"/>
      <c r="R37" s="33"/>
      <c r="S37" s="62"/>
      <c r="T37" s="63"/>
      <c r="U37" s="59"/>
      <c r="V37" s="33"/>
      <c r="W37" s="59"/>
      <c r="X37" s="27"/>
      <c r="Y37" s="27"/>
      <c r="Z37" s="27"/>
      <c r="AA37" s="27"/>
      <c r="AB37" s="28"/>
      <c r="AC37" s="28"/>
      <c r="AD37" s="28"/>
      <c r="AE37" s="28"/>
      <c r="AF37" s="28"/>
      <c r="AG37" s="28"/>
      <c r="AH37" s="28"/>
      <c r="AI37" s="28"/>
      <c r="AJ37" s="28"/>
      <c r="AK37" s="29"/>
      <c r="AL37" s="29"/>
      <c r="AM37" s="30"/>
    </row>
    <row r="38" spans="1:39" s="46" customFormat="1" ht="9.75" customHeight="1">
      <c r="A38" s="47"/>
      <c r="B38" s="39"/>
      <c r="C38" s="33"/>
      <c r="D38" s="34"/>
      <c r="E38" s="175" t="s">
        <v>21</v>
      </c>
      <c r="F38" s="178" t="s">
        <v>53</v>
      </c>
      <c r="G38" s="48"/>
      <c r="H38" s="50"/>
      <c r="I38" s="48"/>
      <c r="J38" s="50"/>
      <c r="K38" s="51"/>
      <c r="L38" s="51"/>
      <c r="M38" s="52"/>
      <c r="N38" s="52"/>
      <c r="O38" s="49"/>
      <c r="P38" s="48"/>
      <c r="Q38" s="50"/>
      <c r="R38" s="48"/>
      <c r="S38" s="53"/>
      <c r="T38" s="54"/>
      <c r="U38" s="50"/>
      <c r="V38" s="48"/>
      <c r="W38" s="50"/>
      <c r="X38" s="55" t="s">
        <v>3</v>
      </c>
      <c r="Y38" s="55"/>
      <c r="Z38" s="55"/>
      <c r="AA38" s="55"/>
      <c r="AB38" s="56"/>
      <c r="AC38" s="56"/>
      <c r="AD38" s="56"/>
      <c r="AE38" s="56"/>
      <c r="AF38" s="56"/>
      <c r="AG38" s="56"/>
      <c r="AH38" s="56"/>
      <c r="AI38" s="56"/>
      <c r="AJ38" s="56"/>
      <c r="AK38" s="19"/>
      <c r="AL38" s="19"/>
      <c r="AM38" s="26"/>
    </row>
    <row r="39" spans="1:39" s="46" customFormat="1" ht="9.75" customHeight="1">
      <c r="A39" s="57"/>
      <c r="B39" s="58"/>
      <c r="C39" s="33"/>
      <c r="D39" s="34"/>
      <c r="E39" s="176"/>
      <c r="F39" s="179"/>
      <c r="G39" s="33"/>
      <c r="H39" s="59" t="s">
        <v>912</v>
      </c>
      <c r="I39" s="33"/>
      <c r="J39" s="59" t="s">
        <v>30</v>
      </c>
      <c r="K39" s="60" t="s">
        <v>30</v>
      </c>
      <c r="L39" s="60" t="s">
        <v>912</v>
      </c>
      <c r="M39" s="61"/>
      <c r="N39" s="61"/>
      <c r="O39" s="34"/>
      <c r="P39" s="33"/>
      <c r="Q39" s="59"/>
      <c r="R39" s="33" t="s">
        <v>913</v>
      </c>
      <c r="S39" s="62"/>
      <c r="T39" s="63" t="s">
        <v>913</v>
      </c>
      <c r="U39" s="59" t="s">
        <v>30</v>
      </c>
      <c r="V39" s="33"/>
      <c r="W39" s="59" t="s">
        <v>30</v>
      </c>
      <c r="X39" s="27"/>
      <c r="Y39" s="27"/>
      <c r="Z39" s="27"/>
      <c r="AA39" s="27"/>
      <c r="AB39" s="28"/>
      <c r="AC39" s="28"/>
      <c r="AD39" s="28"/>
      <c r="AE39" s="28"/>
      <c r="AF39" s="28"/>
      <c r="AG39" s="28"/>
      <c r="AH39" s="28"/>
      <c r="AI39" s="28"/>
      <c r="AJ39" s="28"/>
      <c r="AK39" s="29"/>
      <c r="AL39" s="29"/>
      <c r="AM39" s="30"/>
    </row>
    <row r="40" spans="1:39" s="46" customFormat="1" ht="9.75" customHeight="1">
      <c r="A40" s="57"/>
      <c r="B40" s="58"/>
      <c r="C40" s="64"/>
      <c r="D40" s="77"/>
      <c r="E40" s="177"/>
      <c r="F40" s="180"/>
      <c r="G40" s="64"/>
      <c r="H40" s="66"/>
      <c r="I40" s="64"/>
      <c r="J40" s="66"/>
      <c r="K40" s="67"/>
      <c r="L40" s="67"/>
      <c r="M40" s="68"/>
      <c r="N40" s="68"/>
      <c r="O40" s="77"/>
      <c r="P40" s="64"/>
      <c r="Q40" s="66"/>
      <c r="R40" s="64"/>
      <c r="S40" s="69"/>
      <c r="T40" s="70"/>
      <c r="U40" s="66"/>
      <c r="V40" s="64"/>
      <c r="W40" s="66"/>
      <c r="X40" s="71"/>
      <c r="Y40" s="71"/>
      <c r="Z40" s="71"/>
      <c r="AA40" s="71"/>
      <c r="AB40" s="72"/>
      <c r="AC40" s="72"/>
      <c r="AD40" s="72"/>
      <c r="AE40" s="72"/>
      <c r="AF40" s="72"/>
      <c r="AG40" s="72"/>
      <c r="AH40" s="72"/>
      <c r="AI40" s="72"/>
      <c r="AJ40" s="72"/>
      <c r="AK40" s="73"/>
      <c r="AL40" s="73"/>
      <c r="AM40" s="74"/>
    </row>
    <row r="41" spans="1:39" s="46" customFormat="1" ht="9.75" customHeight="1">
      <c r="A41" s="47"/>
      <c r="B41" s="75"/>
      <c r="C41" s="175" t="s">
        <v>57</v>
      </c>
      <c r="D41" s="178" t="s">
        <v>58</v>
      </c>
      <c r="E41" s="48"/>
      <c r="F41" s="49"/>
      <c r="G41" s="48"/>
      <c r="H41" s="50"/>
      <c r="I41" s="48"/>
      <c r="J41" s="50"/>
      <c r="K41" s="51"/>
      <c r="L41" s="51"/>
      <c r="M41" s="52"/>
      <c r="N41" s="52"/>
      <c r="O41" s="76"/>
      <c r="P41" s="48"/>
      <c r="Q41" s="50"/>
      <c r="R41" s="48"/>
      <c r="S41" s="53"/>
      <c r="T41" s="54"/>
      <c r="U41" s="50"/>
      <c r="V41" s="48"/>
      <c r="W41" s="50"/>
      <c r="X41" s="55" t="s">
        <v>3</v>
      </c>
      <c r="Y41" s="55"/>
      <c r="Z41" s="55"/>
      <c r="AA41" s="55"/>
      <c r="AB41" s="56"/>
      <c r="AC41" s="56"/>
      <c r="AD41" s="56"/>
      <c r="AE41" s="56"/>
      <c r="AF41" s="56"/>
      <c r="AG41" s="56"/>
      <c r="AH41" s="56"/>
      <c r="AI41" s="56"/>
      <c r="AJ41" s="56"/>
      <c r="AK41" s="19"/>
      <c r="AL41" s="19"/>
      <c r="AM41" s="26"/>
    </row>
    <row r="42" spans="1:39" s="46" customFormat="1" ht="9.75" customHeight="1">
      <c r="A42" s="47"/>
      <c r="B42" s="75"/>
      <c r="C42" s="176"/>
      <c r="D42" s="179"/>
      <c r="E42" s="33"/>
      <c r="F42" s="34"/>
      <c r="G42" s="33"/>
      <c r="H42" s="59" t="s">
        <v>914</v>
      </c>
      <c r="I42" s="33"/>
      <c r="J42" s="59" t="s">
        <v>30</v>
      </c>
      <c r="K42" s="60" t="s">
        <v>30</v>
      </c>
      <c r="L42" s="60" t="s">
        <v>914</v>
      </c>
      <c r="M42" s="61"/>
      <c r="N42" s="61"/>
      <c r="O42" s="58"/>
      <c r="P42" s="33"/>
      <c r="Q42" s="59"/>
      <c r="R42" s="33" t="s">
        <v>915</v>
      </c>
      <c r="S42" s="62"/>
      <c r="T42" s="63" t="s">
        <v>916</v>
      </c>
      <c r="U42" s="59" t="s">
        <v>30</v>
      </c>
      <c r="V42" s="33"/>
      <c r="W42" s="59" t="s">
        <v>917</v>
      </c>
      <c r="X42" s="27"/>
      <c r="Y42" s="27"/>
      <c r="Z42" s="27"/>
      <c r="AA42" s="27"/>
      <c r="AB42" s="28"/>
      <c r="AC42" s="28"/>
      <c r="AD42" s="28"/>
      <c r="AE42" s="28"/>
      <c r="AF42" s="28"/>
      <c r="AG42" s="28"/>
      <c r="AH42" s="28"/>
      <c r="AI42" s="28"/>
      <c r="AJ42" s="28"/>
      <c r="AK42" s="29"/>
      <c r="AL42" s="29"/>
      <c r="AM42" s="30"/>
    </row>
    <row r="43" spans="1:39" s="46" customFormat="1" ht="9.75" customHeight="1">
      <c r="A43" s="47"/>
      <c r="B43" s="75"/>
      <c r="C43" s="176"/>
      <c r="D43" s="179"/>
      <c r="E43" s="33"/>
      <c r="F43" s="34"/>
      <c r="G43" s="33"/>
      <c r="H43" s="59"/>
      <c r="I43" s="33"/>
      <c r="J43" s="59"/>
      <c r="K43" s="60"/>
      <c r="L43" s="60"/>
      <c r="M43" s="61"/>
      <c r="N43" s="61"/>
      <c r="O43" s="58"/>
      <c r="P43" s="33"/>
      <c r="Q43" s="59"/>
      <c r="R43" s="33"/>
      <c r="S43" s="62"/>
      <c r="T43" s="63"/>
      <c r="U43" s="59"/>
      <c r="V43" s="33"/>
      <c r="W43" s="59"/>
      <c r="X43" s="27"/>
      <c r="Y43" s="27"/>
      <c r="Z43" s="27"/>
      <c r="AA43" s="27"/>
      <c r="AB43" s="28"/>
      <c r="AC43" s="28"/>
      <c r="AD43" s="28"/>
      <c r="AE43" s="28"/>
      <c r="AF43" s="28"/>
      <c r="AG43" s="28"/>
      <c r="AH43" s="28"/>
      <c r="AI43" s="28"/>
      <c r="AJ43" s="28"/>
      <c r="AK43" s="29"/>
      <c r="AL43" s="29"/>
      <c r="AM43" s="30"/>
    </row>
    <row r="44" spans="1:39" s="46" customFormat="1" ht="9.75" customHeight="1">
      <c r="A44" s="47"/>
      <c r="B44" s="39"/>
      <c r="C44" s="33"/>
      <c r="D44" s="34"/>
      <c r="E44" s="175" t="s">
        <v>21</v>
      </c>
      <c r="F44" s="178" t="s">
        <v>61</v>
      </c>
      <c r="G44" s="48"/>
      <c r="H44" s="50"/>
      <c r="I44" s="48"/>
      <c r="J44" s="50"/>
      <c r="K44" s="51"/>
      <c r="L44" s="51"/>
      <c r="M44" s="52"/>
      <c r="N44" s="52"/>
      <c r="O44" s="49"/>
      <c r="P44" s="48"/>
      <c r="Q44" s="50"/>
      <c r="R44" s="48"/>
      <c r="S44" s="53"/>
      <c r="T44" s="54"/>
      <c r="U44" s="50"/>
      <c r="V44" s="48"/>
      <c r="W44" s="50"/>
      <c r="X44" s="55" t="s">
        <v>3</v>
      </c>
      <c r="Y44" s="55"/>
      <c r="Z44" s="55"/>
      <c r="AA44" s="55"/>
      <c r="AB44" s="56"/>
      <c r="AC44" s="56"/>
      <c r="AD44" s="56"/>
      <c r="AE44" s="56"/>
      <c r="AF44" s="56"/>
      <c r="AG44" s="56"/>
      <c r="AH44" s="56"/>
      <c r="AI44" s="56"/>
      <c r="AJ44" s="56"/>
      <c r="AK44" s="19"/>
      <c r="AL44" s="19"/>
      <c r="AM44" s="26"/>
    </row>
    <row r="45" spans="1:39" s="46" customFormat="1" ht="9.75" customHeight="1">
      <c r="A45" s="57"/>
      <c r="B45" s="58"/>
      <c r="C45" s="33"/>
      <c r="D45" s="34"/>
      <c r="E45" s="176"/>
      <c r="F45" s="179"/>
      <c r="G45" s="33"/>
      <c r="H45" s="59" t="s">
        <v>404</v>
      </c>
      <c r="I45" s="33"/>
      <c r="J45" s="59" t="s">
        <v>30</v>
      </c>
      <c r="K45" s="60" t="s">
        <v>30</v>
      </c>
      <c r="L45" s="60" t="s">
        <v>404</v>
      </c>
      <c r="M45" s="61"/>
      <c r="N45" s="61"/>
      <c r="O45" s="34"/>
      <c r="P45" s="33"/>
      <c r="Q45" s="59"/>
      <c r="R45" s="33" t="s">
        <v>918</v>
      </c>
      <c r="S45" s="62"/>
      <c r="T45" s="63" t="s">
        <v>918</v>
      </c>
      <c r="U45" s="59" t="s">
        <v>30</v>
      </c>
      <c r="V45" s="33"/>
      <c r="W45" s="59" t="s">
        <v>30</v>
      </c>
      <c r="X45" s="27"/>
      <c r="Y45" s="27"/>
      <c r="Z45" s="27"/>
      <c r="AA45" s="27"/>
      <c r="AB45" s="28"/>
      <c r="AC45" s="28"/>
      <c r="AD45" s="28"/>
      <c r="AE45" s="28"/>
      <c r="AF45" s="28"/>
      <c r="AG45" s="28"/>
      <c r="AH45" s="28"/>
      <c r="AI45" s="28"/>
      <c r="AJ45" s="28"/>
      <c r="AK45" s="29"/>
      <c r="AL45" s="29"/>
      <c r="AM45" s="30"/>
    </row>
    <row r="46" spans="1:39" s="46" customFormat="1" ht="9.75" customHeight="1">
      <c r="A46" s="57"/>
      <c r="B46" s="58"/>
      <c r="C46" s="33"/>
      <c r="D46" s="34"/>
      <c r="E46" s="177"/>
      <c r="F46" s="180"/>
      <c r="G46" s="33"/>
      <c r="H46" s="59"/>
      <c r="I46" s="33"/>
      <c r="J46" s="59"/>
      <c r="K46" s="60"/>
      <c r="L46" s="60"/>
      <c r="M46" s="61"/>
      <c r="N46" s="61"/>
      <c r="O46" s="34"/>
      <c r="P46" s="33"/>
      <c r="Q46" s="59"/>
      <c r="R46" s="33"/>
      <c r="S46" s="62"/>
      <c r="T46" s="63"/>
      <c r="U46" s="59"/>
      <c r="V46" s="33"/>
      <c r="W46" s="59"/>
      <c r="X46" s="27"/>
      <c r="Y46" s="27"/>
      <c r="Z46" s="27"/>
      <c r="AA46" s="27"/>
      <c r="AB46" s="28"/>
      <c r="AC46" s="28"/>
      <c r="AD46" s="28"/>
      <c r="AE46" s="28"/>
      <c r="AF46" s="28"/>
      <c r="AG46" s="28"/>
      <c r="AH46" s="28"/>
      <c r="AI46" s="28"/>
      <c r="AJ46" s="28"/>
      <c r="AK46" s="29"/>
      <c r="AL46" s="29"/>
      <c r="AM46" s="30"/>
    </row>
    <row r="47" spans="1:39" s="46" customFormat="1" ht="9.75" customHeight="1">
      <c r="A47" s="47"/>
      <c r="B47" s="75"/>
      <c r="C47" s="33"/>
      <c r="D47" s="34"/>
      <c r="E47" s="175" t="s">
        <v>36</v>
      </c>
      <c r="F47" s="178" t="s">
        <v>63</v>
      </c>
      <c r="G47" s="48"/>
      <c r="H47" s="50"/>
      <c r="I47" s="48"/>
      <c r="J47" s="50"/>
      <c r="K47" s="51"/>
      <c r="L47" s="51"/>
      <c r="M47" s="52"/>
      <c r="N47" s="52"/>
      <c r="O47" s="76"/>
      <c r="P47" s="48"/>
      <c r="Q47" s="50"/>
      <c r="R47" s="48"/>
      <c r="S47" s="53"/>
      <c r="T47" s="54"/>
      <c r="U47" s="50"/>
      <c r="V47" s="48"/>
      <c r="W47" s="50"/>
      <c r="X47" s="55" t="s">
        <v>3</v>
      </c>
      <c r="Y47" s="55"/>
      <c r="Z47" s="55"/>
      <c r="AA47" s="55"/>
      <c r="AB47" s="56"/>
      <c r="AC47" s="56"/>
      <c r="AD47" s="56"/>
      <c r="AE47" s="56"/>
      <c r="AF47" s="56"/>
      <c r="AG47" s="56"/>
      <c r="AH47" s="56"/>
      <c r="AI47" s="56"/>
      <c r="AJ47" s="56"/>
      <c r="AK47" s="19"/>
      <c r="AL47" s="19"/>
      <c r="AM47" s="26"/>
    </row>
    <row r="48" spans="1:39" s="46" customFormat="1" ht="9.75" customHeight="1">
      <c r="A48" s="47"/>
      <c r="B48" s="75"/>
      <c r="C48" s="33"/>
      <c r="D48" s="34"/>
      <c r="E48" s="176"/>
      <c r="F48" s="179"/>
      <c r="G48" s="33"/>
      <c r="H48" s="59" t="s">
        <v>919</v>
      </c>
      <c r="I48" s="33"/>
      <c r="J48" s="59" t="s">
        <v>30</v>
      </c>
      <c r="K48" s="60" t="s">
        <v>30</v>
      </c>
      <c r="L48" s="60" t="s">
        <v>919</v>
      </c>
      <c r="M48" s="61"/>
      <c r="N48" s="61"/>
      <c r="O48" s="58"/>
      <c r="P48" s="33"/>
      <c r="Q48" s="59"/>
      <c r="R48" s="33" t="s">
        <v>920</v>
      </c>
      <c r="S48" s="62"/>
      <c r="T48" s="63" t="s">
        <v>921</v>
      </c>
      <c r="U48" s="59" t="s">
        <v>30</v>
      </c>
      <c r="V48" s="33"/>
      <c r="W48" s="59" t="s">
        <v>917</v>
      </c>
      <c r="X48" s="27"/>
      <c r="Y48" s="27"/>
      <c r="Z48" s="27"/>
      <c r="AA48" s="27"/>
      <c r="AB48" s="28"/>
      <c r="AC48" s="28"/>
      <c r="AD48" s="28"/>
      <c r="AE48" s="28"/>
      <c r="AF48" s="28"/>
      <c r="AG48" s="28"/>
      <c r="AH48" s="28"/>
      <c r="AI48" s="28"/>
      <c r="AJ48" s="28"/>
      <c r="AK48" s="29"/>
      <c r="AL48" s="29"/>
      <c r="AM48" s="30"/>
    </row>
    <row r="49" spans="1:39" s="46" customFormat="1" ht="9.75" customHeight="1">
      <c r="A49" s="47"/>
      <c r="B49" s="75"/>
      <c r="C49" s="33"/>
      <c r="D49" s="34"/>
      <c r="E49" s="176"/>
      <c r="F49" s="179"/>
      <c r="G49" s="33"/>
      <c r="H49" s="59"/>
      <c r="I49" s="33"/>
      <c r="J49" s="59"/>
      <c r="K49" s="60"/>
      <c r="L49" s="60"/>
      <c r="M49" s="61"/>
      <c r="N49" s="61"/>
      <c r="O49" s="58"/>
      <c r="P49" s="33"/>
      <c r="Q49" s="59"/>
      <c r="R49" s="33"/>
      <c r="S49" s="62"/>
      <c r="T49" s="63"/>
      <c r="U49" s="59"/>
      <c r="V49" s="33"/>
      <c r="W49" s="59"/>
      <c r="X49" s="27"/>
      <c r="Y49" s="27"/>
      <c r="Z49" s="27"/>
      <c r="AA49" s="27"/>
      <c r="AB49" s="28"/>
      <c r="AC49" s="28"/>
      <c r="AD49" s="28"/>
      <c r="AE49" s="28"/>
      <c r="AF49" s="28"/>
      <c r="AG49" s="28"/>
      <c r="AH49" s="28"/>
      <c r="AI49" s="28"/>
      <c r="AJ49" s="28"/>
      <c r="AK49" s="29"/>
      <c r="AL49" s="29"/>
      <c r="AM49" s="30"/>
    </row>
    <row r="50" spans="1:39" s="46" customFormat="1" ht="9.75" customHeight="1">
      <c r="A50" s="47"/>
      <c r="B50" s="39"/>
      <c r="C50" s="33"/>
      <c r="D50" s="34"/>
      <c r="E50" s="33"/>
      <c r="F50" s="34"/>
      <c r="G50" s="33"/>
      <c r="H50" s="59"/>
      <c r="I50" s="33"/>
      <c r="J50" s="59"/>
      <c r="K50" s="60"/>
      <c r="L50" s="60"/>
      <c r="M50" s="61"/>
      <c r="N50" s="185" t="s">
        <v>21</v>
      </c>
      <c r="O50" s="178" t="s">
        <v>677</v>
      </c>
      <c r="P50" s="48"/>
      <c r="Q50" s="50"/>
      <c r="R50" s="48"/>
      <c r="S50" s="53"/>
      <c r="T50" s="54"/>
      <c r="U50" s="50"/>
      <c r="V50" s="48"/>
      <c r="W50" s="50"/>
      <c r="X50" s="55" t="s">
        <v>3</v>
      </c>
      <c r="Y50" s="55"/>
      <c r="Z50" s="55"/>
      <c r="AA50" s="55"/>
      <c r="AB50" s="56"/>
      <c r="AC50" s="56"/>
      <c r="AD50" s="56"/>
      <c r="AE50" s="56"/>
      <c r="AF50" s="56"/>
      <c r="AG50" s="56"/>
      <c r="AH50" s="56"/>
      <c r="AI50" s="56"/>
      <c r="AJ50" s="56"/>
      <c r="AK50" s="19"/>
      <c r="AL50" s="19"/>
      <c r="AM50" s="26"/>
    </row>
    <row r="51" spans="1:39" s="46" customFormat="1" ht="9.75" customHeight="1">
      <c r="A51" s="57"/>
      <c r="B51" s="58"/>
      <c r="C51" s="33"/>
      <c r="D51" s="34"/>
      <c r="E51" s="33"/>
      <c r="F51" s="34"/>
      <c r="G51" s="33"/>
      <c r="H51" s="59"/>
      <c r="I51" s="33"/>
      <c r="J51" s="59"/>
      <c r="K51" s="60"/>
      <c r="L51" s="60"/>
      <c r="M51" s="61"/>
      <c r="N51" s="186"/>
      <c r="O51" s="179"/>
      <c r="P51" s="33"/>
      <c r="Q51" s="59" t="s">
        <v>922</v>
      </c>
      <c r="R51" s="33" t="s">
        <v>923</v>
      </c>
      <c r="S51" s="62"/>
      <c r="T51" s="63" t="s">
        <v>922</v>
      </c>
      <c r="U51" s="59" t="s">
        <v>30</v>
      </c>
      <c r="V51" s="33"/>
      <c r="W51" s="59" t="s">
        <v>917</v>
      </c>
      <c r="X51" s="27"/>
      <c r="Y51" s="27"/>
      <c r="Z51" s="27"/>
      <c r="AA51" s="27"/>
      <c r="AB51" s="28"/>
      <c r="AC51" s="28"/>
      <c r="AD51" s="28"/>
      <c r="AE51" s="28"/>
      <c r="AF51" s="28"/>
      <c r="AG51" s="28"/>
      <c r="AH51" s="28"/>
      <c r="AI51" s="28"/>
      <c r="AJ51" s="28"/>
      <c r="AK51" s="29"/>
      <c r="AL51" s="29"/>
      <c r="AM51" s="30"/>
    </row>
    <row r="52" spans="1:39" s="46" customFormat="1" ht="9.75" customHeight="1">
      <c r="A52" s="57"/>
      <c r="B52" s="58"/>
      <c r="C52" s="33"/>
      <c r="D52" s="34"/>
      <c r="E52" s="33"/>
      <c r="F52" s="34"/>
      <c r="G52" s="33"/>
      <c r="H52" s="59"/>
      <c r="I52" s="33"/>
      <c r="J52" s="59"/>
      <c r="K52" s="60"/>
      <c r="L52" s="60"/>
      <c r="M52" s="61"/>
      <c r="N52" s="187"/>
      <c r="O52" s="180"/>
      <c r="P52" s="33"/>
      <c r="Q52" s="59"/>
      <c r="R52" s="33"/>
      <c r="S52" s="62"/>
      <c r="T52" s="63"/>
      <c r="U52" s="59"/>
      <c r="V52" s="33"/>
      <c r="W52" s="59"/>
      <c r="X52" s="27"/>
      <c r="Y52" s="27"/>
      <c r="Z52" s="27"/>
      <c r="AA52" s="27"/>
      <c r="AB52" s="28"/>
      <c r="AC52" s="28"/>
      <c r="AD52" s="28"/>
      <c r="AE52" s="28"/>
      <c r="AF52" s="28"/>
      <c r="AG52" s="28"/>
      <c r="AH52" s="28"/>
      <c r="AI52" s="28"/>
      <c r="AJ52" s="28"/>
      <c r="AK52" s="29"/>
      <c r="AL52" s="29"/>
      <c r="AM52" s="30"/>
    </row>
    <row r="53" spans="1:39" s="46" customFormat="1" ht="9.75" customHeight="1">
      <c r="A53" s="57"/>
      <c r="B53" s="58"/>
      <c r="C53" s="33"/>
      <c r="D53" s="58"/>
      <c r="E53" s="33"/>
      <c r="F53" s="34"/>
      <c r="G53" s="33"/>
      <c r="H53" s="59"/>
      <c r="I53" s="33"/>
      <c r="J53" s="59"/>
      <c r="K53" s="60"/>
      <c r="L53" s="60"/>
      <c r="M53" s="61"/>
      <c r="N53" s="185" t="s">
        <v>36</v>
      </c>
      <c r="O53" s="178" t="s">
        <v>63</v>
      </c>
      <c r="P53" s="48"/>
      <c r="Q53" s="50"/>
      <c r="R53" s="48"/>
      <c r="S53" s="53"/>
      <c r="T53" s="54"/>
      <c r="U53" s="50"/>
      <c r="V53" s="48"/>
      <c r="W53" s="50"/>
      <c r="X53" s="55" t="s">
        <v>3</v>
      </c>
      <c r="Y53" s="55"/>
      <c r="Z53" s="55"/>
      <c r="AA53" s="55"/>
      <c r="AB53" s="56"/>
      <c r="AC53" s="56"/>
      <c r="AD53" s="56"/>
      <c r="AE53" s="56"/>
      <c r="AF53" s="56"/>
      <c r="AG53" s="56"/>
      <c r="AH53" s="56"/>
      <c r="AI53" s="56"/>
      <c r="AJ53" s="56"/>
      <c r="AK53" s="19"/>
      <c r="AL53" s="19"/>
      <c r="AM53" s="26"/>
    </row>
    <row r="54" spans="1:39" s="46" customFormat="1" ht="9.75" customHeight="1">
      <c r="A54" s="57"/>
      <c r="B54" s="58"/>
      <c r="C54" s="33"/>
      <c r="D54" s="58"/>
      <c r="E54" s="33"/>
      <c r="F54" s="34"/>
      <c r="G54" s="33"/>
      <c r="H54" s="59"/>
      <c r="I54" s="33"/>
      <c r="J54" s="59"/>
      <c r="K54" s="60"/>
      <c r="L54" s="60"/>
      <c r="M54" s="61"/>
      <c r="N54" s="186"/>
      <c r="O54" s="179"/>
      <c r="P54" s="33"/>
      <c r="Q54" s="59" t="s">
        <v>924</v>
      </c>
      <c r="R54" s="33" t="s">
        <v>925</v>
      </c>
      <c r="S54" s="62"/>
      <c r="T54" s="63" t="s">
        <v>925</v>
      </c>
      <c r="U54" s="59" t="s">
        <v>30</v>
      </c>
      <c r="V54" s="33"/>
      <c r="W54" s="59" t="s">
        <v>30</v>
      </c>
      <c r="X54" s="27"/>
      <c r="Y54" s="27"/>
      <c r="Z54" s="27"/>
      <c r="AA54" s="27"/>
      <c r="AB54" s="28"/>
      <c r="AC54" s="28"/>
      <c r="AD54" s="28"/>
      <c r="AE54" s="28"/>
      <c r="AF54" s="28"/>
      <c r="AG54" s="28"/>
      <c r="AH54" s="28"/>
      <c r="AI54" s="28"/>
      <c r="AJ54" s="28"/>
      <c r="AK54" s="29"/>
      <c r="AL54" s="29"/>
      <c r="AM54" s="30"/>
    </row>
    <row r="55" spans="1:39" s="46" customFormat="1" ht="9.75" customHeight="1">
      <c r="A55" s="57"/>
      <c r="B55" s="58"/>
      <c r="C55" s="64"/>
      <c r="D55" s="65"/>
      <c r="E55" s="64"/>
      <c r="F55" s="77"/>
      <c r="G55" s="64"/>
      <c r="H55" s="66"/>
      <c r="I55" s="64"/>
      <c r="J55" s="66"/>
      <c r="K55" s="67"/>
      <c r="L55" s="67"/>
      <c r="M55" s="68"/>
      <c r="N55" s="187"/>
      <c r="O55" s="180"/>
      <c r="P55" s="64"/>
      <c r="Q55" s="66"/>
      <c r="R55" s="64"/>
      <c r="S55" s="69"/>
      <c r="T55" s="70"/>
      <c r="U55" s="66"/>
      <c r="V55" s="64"/>
      <c r="W55" s="66"/>
      <c r="X55" s="71"/>
      <c r="Y55" s="71"/>
      <c r="Z55" s="71"/>
      <c r="AA55" s="71"/>
      <c r="AB55" s="72"/>
      <c r="AC55" s="72"/>
      <c r="AD55" s="72"/>
      <c r="AE55" s="72"/>
      <c r="AF55" s="72"/>
      <c r="AG55" s="72"/>
      <c r="AH55" s="72"/>
      <c r="AI55" s="72"/>
      <c r="AJ55" s="72"/>
      <c r="AK55" s="73"/>
      <c r="AL55" s="73"/>
      <c r="AM55" s="74"/>
    </row>
    <row r="56" spans="1:39" s="46" customFormat="1" ht="9.75" customHeight="1">
      <c r="A56" s="47"/>
      <c r="B56" s="75"/>
      <c r="C56" s="175" t="s">
        <v>293</v>
      </c>
      <c r="D56" s="178" t="s">
        <v>210</v>
      </c>
      <c r="E56" s="48"/>
      <c r="F56" s="49"/>
      <c r="G56" s="48"/>
      <c r="H56" s="50"/>
      <c r="I56" s="48"/>
      <c r="J56" s="50"/>
      <c r="K56" s="51"/>
      <c r="L56" s="51"/>
      <c r="M56" s="52"/>
      <c r="N56" s="52"/>
      <c r="O56" s="76"/>
      <c r="P56" s="48"/>
      <c r="Q56" s="50"/>
      <c r="R56" s="48"/>
      <c r="S56" s="53"/>
      <c r="T56" s="54"/>
      <c r="U56" s="50"/>
      <c r="V56" s="48"/>
      <c r="W56" s="50"/>
      <c r="X56" s="55" t="s">
        <v>3</v>
      </c>
      <c r="Y56" s="55"/>
      <c r="Z56" s="55"/>
      <c r="AA56" s="55"/>
      <c r="AB56" s="56"/>
      <c r="AC56" s="56"/>
      <c r="AD56" s="56"/>
      <c r="AE56" s="56"/>
      <c r="AF56" s="56"/>
      <c r="AG56" s="56"/>
      <c r="AH56" s="56"/>
      <c r="AI56" s="56"/>
      <c r="AJ56" s="56"/>
      <c r="AK56" s="19"/>
      <c r="AL56" s="19"/>
      <c r="AM56" s="26"/>
    </row>
    <row r="57" spans="1:39" s="46" customFormat="1" ht="9.75" customHeight="1">
      <c r="A57" s="47"/>
      <c r="B57" s="75"/>
      <c r="C57" s="176"/>
      <c r="D57" s="179"/>
      <c r="E57" s="33"/>
      <c r="F57" s="34"/>
      <c r="G57" s="33"/>
      <c r="H57" s="59" t="s">
        <v>926</v>
      </c>
      <c r="I57" s="33"/>
      <c r="J57" s="59" t="s">
        <v>30</v>
      </c>
      <c r="K57" s="60" t="s">
        <v>30</v>
      </c>
      <c r="L57" s="60" t="s">
        <v>926</v>
      </c>
      <c r="M57" s="61"/>
      <c r="N57" s="61"/>
      <c r="O57" s="58"/>
      <c r="P57" s="33"/>
      <c r="Q57" s="59"/>
      <c r="R57" s="33" t="s">
        <v>927</v>
      </c>
      <c r="S57" s="62"/>
      <c r="T57" s="63" t="s">
        <v>927</v>
      </c>
      <c r="U57" s="59" t="s">
        <v>30</v>
      </c>
      <c r="V57" s="33"/>
      <c r="W57" s="59" t="s">
        <v>30</v>
      </c>
      <c r="X57" s="27"/>
      <c r="Y57" s="27"/>
      <c r="Z57" s="27"/>
      <c r="AA57" s="27"/>
      <c r="AB57" s="28"/>
      <c r="AC57" s="28"/>
      <c r="AD57" s="28"/>
      <c r="AE57" s="28"/>
      <c r="AF57" s="28"/>
      <c r="AG57" s="28"/>
      <c r="AH57" s="28"/>
      <c r="AI57" s="28"/>
      <c r="AJ57" s="28"/>
      <c r="AK57" s="29"/>
      <c r="AL57" s="29"/>
      <c r="AM57" s="30"/>
    </row>
    <row r="58" spans="1:39" s="46" customFormat="1" ht="9.75" customHeight="1">
      <c r="A58" s="47"/>
      <c r="B58" s="75"/>
      <c r="C58" s="176"/>
      <c r="D58" s="179"/>
      <c r="E58" s="33"/>
      <c r="F58" s="34"/>
      <c r="G58" s="33"/>
      <c r="H58" s="59"/>
      <c r="I58" s="33"/>
      <c r="J58" s="59"/>
      <c r="K58" s="60"/>
      <c r="L58" s="60"/>
      <c r="M58" s="61"/>
      <c r="N58" s="61"/>
      <c r="O58" s="58"/>
      <c r="P58" s="33"/>
      <c r="Q58" s="59"/>
      <c r="R58" s="33"/>
      <c r="S58" s="62"/>
      <c r="T58" s="63"/>
      <c r="U58" s="59"/>
      <c r="V58" s="33"/>
      <c r="W58" s="59"/>
      <c r="X58" s="27"/>
      <c r="Y58" s="27"/>
      <c r="Z58" s="27"/>
      <c r="AA58" s="27"/>
      <c r="AB58" s="28"/>
      <c r="AC58" s="28"/>
      <c r="AD58" s="28"/>
      <c r="AE58" s="28"/>
      <c r="AF58" s="28"/>
      <c r="AG58" s="28"/>
      <c r="AH58" s="28"/>
      <c r="AI58" s="28"/>
      <c r="AJ58" s="28"/>
      <c r="AK58" s="29"/>
      <c r="AL58" s="29"/>
      <c r="AM58" s="30"/>
    </row>
    <row r="59" spans="1:39" s="46" customFormat="1" ht="9.75" customHeight="1">
      <c r="A59" s="47"/>
      <c r="B59" s="39"/>
      <c r="C59" s="33"/>
      <c r="D59" s="34"/>
      <c r="E59" s="175" t="s">
        <v>21</v>
      </c>
      <c r="F59" s="178" t="s">
        <v>210</v>
      </c>
      <c r="G59" s="48"/>
      <c r="H59" s="50"/>
      <c r="I59" s="48"/>
      <c r="J59" s="50"/>
      <c r="K59" s="51"/>
      <c r="L59" s="51"/>
      <c r="M59" s="52"/>
      <c r="N59" s="52"/>
      <c r="O59" s="49"/>
      <c r="P59" s="48"/>
      <c r="Q59" s="50"/>
      <c r="R59" s="48"/>
      <c r="S59" s="53"/>
      <c r="T59" s="54"/>
      <c r="U59" s="50"/>
      <c r="V59" s="48"/>
      <c r="W59" s="50"/>
      <c r="X59" s="55" t="s">
        <v>3</v>
      </c>
      <c r="Y59" s="55"/>
      <c r="Z59" s="55"/>
      <c r="AA59" s="55"/>
      <c r="AB59" s="56"/>
      <c r="AC59" s="56"/>
      <c r="AD59" s="56"/>
      <c r="AE59" s="56"/>
      <c r="AF59" s="56"/>
      <c r="AG59" s="56"/>
      <c r="AH59" s="56"/>
      <c r="AI59" s="56"/>
      <c r="AJ59" s="56"/>
      <c r="AK59" s="19"/>
      <c r="AL59" s="19"/>
      <c r="AM59" s="26"/>
    </row>
    <row r="60" spans="1:39" s="46" customFormat="1" ht="9.75" customHeight="1">
      <c r="A60" s="57"/>
      <c r="B60" s="58"/>
      <c r="C60" s="33"/>
      <c r="D60" s="34"/>
      <c r="E60" s="176"/>
      <c r="F60" s="179"/>
      <c r="G60" s="33"/>
      <c r="H60" s="59" t="s">
        <v>926</v>
      </c>
      <c r="I60" s="33"/>
      <c r="J60" s="59" t="s">
        <v>30</v>
      </c>
      <c r="K60" s="60" t="s">
        <v>30</v>
      </c>
      <c r="L60" s="60" t="s">
        <v>926</v>
      </c>
      <c r="M60" s="61"/>
      <c r="N60" s="61"/>
      <c r="O60" s="34"/>
      <c r="P60" s="33"/>
      <c r="Q60" s="59"/>
      <c r="R60" s="33" t="s">
        <v>927</v>
      </c>
      <c r="S60" s="62"/>
      <c r="T60" s="63" t="s">
        <v>927</v>
      </c>
      <c r="U60" s="59" t="s">
        <v>30</v>
      </c>
      <c r="V60" s="33"/>
      <c r="W60" s="59" t="s">
        <v>30</v>
      </c>
      <c r="X60" s="27"/>
      <c r="Y60" s="27"/>
      <c r="Z60" s="27"/>
      <c r="AA60" s="27"/>
      <c r="AB60" s="28"/>
      <c r="AC60" s="28"/>
      <c r="AD60" s="28"/>
      <c r="AE60" s="28"/>
      <c r="AF60" s="28"/>
      <c r="AG60" s="28"/>
      <c r="AH60" s="28"/>
      <c r="AI60" s="28"/>
      <c r="AJ60" s="28"/>
      <c r="AK60" s="29"/>
      <c r="AL60" s="29"/>
      <c r="AM60" s="30"/>
    </row>
    <row r="61" spans="1:39" s="46" customFormat="1" ht="9.75" customHeight="1">
      <c r="A61" s="158"/>
      <c r="B61" s="65"/>
      <c r="C61" s="64"/>
      <c r="D61" s="77"/>
      <c r="E61" s="177"/>
      <c r="F61" s="180"/>
      <c r="G61" s="64"/>
      <c r="H61" s="66"/>
      <c r="I61" s="64"/>
      <c r="J61" s="66"/>
      <c r="K61" s="67"/>
      <c r="L61" s="67"/>
      <c r="M61" s="68"/>
      <c r="N61" s="68"/>
      <c r="O61" s="77"/>
      <c r="P61" s="64"/>
      <c r="Q61" s="66"/>
      <c r="R61" s="64"/>
      <c r="S61" s="69"/>
      <c r="T61" s="70"/>
      <c r="U61" s="66"/>
      <c r="V61" s="64"/>
      <c r="W61" s="66"/>
      <c r="X61" s="71"/>
      <c r="Y61" s="71"/>
      <c r="Z61" s="71"/>
      <c r="AA61" s="71"/>
      <c r="AB61" s="72"/>
      <c r="AC61" s="72"/>
      <c r="AD61" s="72"/>
      <c r="AE61" s="72"/>
      <c r="AF61" s="72"/>
      <c r="AG61" s="72"/>
      <c r="AH61" s="72"/>
      <c r="AI61" s="72"/>
      <c r="AJ61" s="72"/>
      <c r="AK61" s="73"/>
      <c r="AL61" s="73"/>
      <c r="AM61" s="74"/>
    </row>
    <row r="62" spans="1:39" s="46" customFormat="1" ht="9.75" customHeight="1">
      <c r="A62" s="80"/>
      <c r="B62" s="81"/>
      <c r="C62" s="81"/>
      <c r="D62" s="81"/>
      <c r="E62" s="81"/>
      <c r="F62" s="81"/>
      <c r="G62" s="82"/>
      <c r="H62" s="83"/>
      <c r="I62" s="82"/>
      <c r="J62" s="83"/>
      <c r="K62" s="84"/>
      <c r="L62" s="84"/>
      <c r="M62" s="85"/>
      <c r="N62" s="85"/>
      <c r="O62" s="86"/>
      <c r="P62" s="82"/>
      <c r="Q62" s="83"/>
      <c r="R62" s="82"/>
      <c r="S62" s="87"/>
      <c r="T62" s="88"/>
      <c r="U62" s="83"/>
      <c r="V62" s="82"/>
      <c r="W62" s="83"/>
      <c r="X62" s="89" t="s">
        <v>3</v>
      </c>
      <c r="Y62" s="89"/>
      <c r="Z62" s="89"/>
      <c r="AA62" s="89"/>
      <c r="AB62" s="90"/>
      <c r="AC62" s="90"/>
      <c r="AD62" s="90"/>
      <c r="AE62" s="90"/>
      <c r="AF62" s="90"/>
      <c r="AG62" s="90"/>
      <c r="AH62" s="90"/>
      <c r="AI62" s="90"/>
      <c r="AJ62" s="90"/>
      <c r="AK62" s="91"/>
      <c r="AL62" s="91"/>
      <c r="AM62" s="92"/>
    </row>
    <row r="63" spans="1:39" s="46" customFormat="1" ht="9.75" customHeight="1">
      <c r="A63" s="181" t="s">
        <v>65</v>
      </c>
      <c r="B63" s="182"/>
      <c r="C63" s="183"/>
      <c r="D63" s="183"/>
      <c r="E63" s="183"/>
      <c r="F63" s="184"/>
      <c r="G63" s="35"/>
      <c r="H63" s="36" t="s">
        <v>889</v>
      </c>
      <c r="I63" s="35"/>
      <c r="J63" s="36" t="s">
        <v>30</v>
      </c>
      <c r="K63" s="37" t="s">
        <v>30</v>
      </c>
      <c r="L63" s="37" t="s">
        <v>889</v>
      </c>
      <c r="M63" s="38"/>
      <c r="N63" s="38"/>
      <c r="O63" s="39"/>
      <c r="P63" s="35"/>
      <c r="Q63" s="36"/>
      <c r="R63" s="35" t="s">
        <v>890</v>
      </c>
      <c r="S63" s="40"/>
      <c r="T63" s="41" t="s">
        <v>891</v>
      </c>
      <c r="U63" s="36" t="s">
        <v>892</v>
      </c>
      <c r="V63" s="35"/>
      <c r="W63" s="36" t="s">
        <v>893</v>
      </c>
      <c r="X63" s="42"/>
      <c r="Y63" s="42"/>
      <c r="Z63" s="42"/>
      <c r="AA63" s="42"/>
      <c r="AB63" s="43"/>
      <c r="AC63" s="43"/>
      <c r="AD63" s="43"/>
      <c r="AE63" s="43"/>
      <c r="AF63" s="43"/>
      <c r="AG63" s="43"/>
      <c r="AH63" s="43"/>
      <c r="AI63" s="43"/>
      <c r="AJ63" s="43"/>
      <c r="AK63" s="44"/>
      <c r="AL63" s="44"/>
      <c r="AM63" s="45"/>
    </row>
    <row r="64" spans="1:39" s="46" customFormat="1" ht="9.75" customHeight="1">
      <c r="A64" s="93"/>
      <c r="B64" s="94"/>
      <c r="C64" s="94"/>
      <c r="D64" s="94"/>
      <c r="E64" s="94"/>
      <c r="F64" s="94"/>
      <c r="G64" s="95"/>
      <c r="H64" s="96"/>
      <c r="I64" s="95"/>
      <c r="J64" s="96"/>
      <c r="K64" s="97"/>
      <c r="L64" s="97"/>
      <c r="M64" s="98"/>
      <c r="N64" s="98"/>
      <c r="O64" s="99"/>
      <c r="P64" s="95"/>
      <c r="Q64" s="96"/>
      <c r="R64" s="95"/>
      <c r="S64" s="100"/>
      <c r="T64" s="101"/>
      <c r="U64" s="96"/>
      <c r="V64" s="95"/>
      <c r="W64" s="96"/>
      <c r="X64" s="102"/>
      <c r="Y64" s="102"/>
      <c r="Z64" s="102"/>
      <c r="AA64" s="102"/>
      <c r="AB64" s="103"/>
      <c r="AC64" s="103"/>
      <c r="AD64" s="103"/>
      <c r="AE64" s="103"/>
      <c r="AF64" s="103"/>
      <c r="AG64" s="103"/>
      <c r="AH64" s="103"/>
      <c r="AI64" s="103"/>
      <c r="AJ64" s="103"/>
      <c r="AK64" s="104"/>
      <c r="AL64" s="104"/>
      <c r="AM64" s="155"/>
    </row>
    <row r="65" spans="1:39" ht="9.75" customHeight="1">
      <c r="A65" s="105"/>
      <c r="B65" s="106"/>
      <c r="C65" s="106"/>
      <c r="D65" s="106"/>
      <c r="E65" s="106"/>
      <c r="F65" s="106"/>
      <c r="G65" s="106"/>
      <c r="H65" s="106"/>
      <c r="I65" s="106"/>
      <c r="J65" s="106"/>
      <c r="K65" s="106"/>
      <c r="L65" s="106"/>
      <c r="M65" s="106"/>
      <c r="N65" s="106"/>
      <c r="O65" s="106"/>
      <c r="P65" s="106"/>
      <c r="Q65" s="106"/>
      <c r="R65" s="106"/>
      <c r="S65" s="106"/>
      <c r="T65" s="106"/>
      <c r="U65" s="106"/>
      <c r="V65" s="106"/>
      <c r="W65" s="106"/>
      <c r="X65" s="107"/>
      <c r="Y65" s="107"/>
      <c r="Z65" s="107"/>
      <c r="AA65" s="107"/>
      <c r="AB65" s="107"/>
      <c r="AC65" s="107"/>
      <c r="AD65" s="107"/>
      <c r="AE65" s="107"/>
      <c r="AF65" s="107"/>
      <c r="AG65" s="107"/>
      <c r="AH65" s="107"/>
      <c r="AI65" s="107"/>
      <c r="AJ65" s="107"/>
      <c r="AK65" s="107"/>
      <c r="AL65" s="107"/>
      <c r="AM65" s="108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53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N23:N25"/>
    <mergeCell ref="O23:O25"/>
    <mergeCell ref="N26:N28"/>
    <mergeCell ref="O26:O28"/>
    <mergeCell ref="C29:C31"/>
    <mergeCell ref="D29:D31"/>
    <mergeCell ref="E32:E34"/>
    <mergeCell ref="F32:F34"/>
    <mergeCell ref="C35:C37"/>
    <mergeCell ref="D35:D37"/>
    <mergeCell ref="E38:E40"/>
    <mergeCell ref="F38:F40"/>
    <mergeCell ref="C41:C43"/>
    <mergeCell ref="D41:D43"/>
    <mergeCell ref="E44:E46"/>
    <mergeCell ref="F44:F46"/>
    <mergeCell ref="E47:E49"/>
    <mergeCell ref="F47:F49"/>
    <mergeCell ref="N50:N52"/>
    <mergeCell ref="O50:O52"/>
    <mergeCell ref="N53:N55"/>
    <mergeCell ref="O53:O55"/>
    <mergeCell ref="C56:C58"/>
    <mergeCell ref="D56:D58"/>
    <mergeCell ref="E59:E61"/>
    <mergeCell ref="F59:F61"/>
    <mergeCell ref="A63:F63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2" max="84" man="1"/>
  </colBreaks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928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233" t="s">
        <v>929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889</v>
      </c>
      <c r="I11" s="35"/>
      <c r="J11" s="36" t="s">
        <v>30</v>
      </c>
      <c r="K11" s="124" t="s">
        <v>30</v>
      </c>
      <c r="L11" s="35"/>
      <c r="M11" s="125" t="s">
        <v>30</v>
      </c>
      <c r="N11" s="37" t="s">
        <v>889</v>
      </c>
      <c r="O11" s="38"/>
      <c r="P11" s="186"/>
      <c r="Q11" s="234"/>
      <c r="R11" s="35"/>
      <c r="S11" s="38"/>
      <c r="T11" s="126" t="s">
        <v>930</v>
      </c>
      <c r="U11" s="38"/>
      <c r="V11" s="36" t="s">
        <v>30</v>
      </c>
      <c r="W11" s="37" t="s">
        <v>30</v>
      </c>
      <c r="X11" s="37" t="s">
        <v>30</v>
      </c>
      <c r="Y11" s="37" t="s">
        <v>931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78" t="s">
        <v>108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932</v>
      </c>
      <c r="I14" s="33"/>
      <c r="J14" s="59" t="s">
        <v>30</v>
      </c>
      <c r="K14" s="132" t="s">
        <v>30</v>
      </c>
      <c r="L14" s="33"/>
      <c r="M14" s="133" t="s">
        <v>30</v>
      </c>
      <c r="N14" s="60" t="s">
        <v>932</v>
      </c>
      <c r="O14" s="61"/>
      <c r="P14" s="61"/>
      <c r="Q14" s="34"/>
      <c r="R14" s="33"/>
      <c r="S14" s="61"/>
      <c r="T14" s="134" t="s">
        <v>933</v>
      </c>
      <c r="U14" s="61"/>
      <c r="V14" s="59" t="s">
        <v>30</v>
      </c>
      <c r="W14" s="60" t="s">
        <v>30</v>
      </c>
      <c r="X14" s="60" t="s">
        <v>30</v>
      </c>
      <c r="Y14" s="60" t="s">
        <v>934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89" t="s">
        <v>935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90"/>
      <c r="G17" s="33"/>
      <c r="H17" s="59" t="s">
        <v>936</v>
      </c>
      <c r="I17" s="33"/>
      <c r="J17" s="59" t="s">
        <v>30</v>
      </c>
      <c r="K17" s="132" t="s">
        <v>30</v>
      </c>
      <c r="L17" s="33"/>
      <c r="M17" s="133" t="s">
        <v>30</v>
      </c>
      <c r="N17" s="60" t="s">
        <v>936</v>
      </c>
      <c r="O17" s="61"/>
      <c r="P17" s="61"/>
      <c r="Q17" s="34"/>
      <c r="R17" s="33"/>
      <c r="S17" s="61"/>
      <c r="T17" s="134" t="s">
        <v>936</v>
      </c>
      <c r="U17" s="61"/>
      <c r="V17" s="59" t="s">
        <v>30</v>
      </c>
      <c r="W17" s="60" t="s">
        <v>30</v>
      </c>
      <c r="X17" s="60" t="s">
        <v>30</v>
      </c>
      <c r="Y17" s="60" t="s">
        <v>30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90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07</v>
      </c>
      <c r="Q19" s="178" t="s">
        <v>108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936</v>
      </c>
      <c r="T20" s="134" t="s">
        <v>936</v>
      </c>
      <c r="U20" s="61"/>
      <c r="V20" s="59" t="s">
        <v>30</v>
      </c>
      <c r="W20" s="60" t="s">
        <v>30</v>
      </c>
      <c r="X20" s="60" t="s">
        <v>30</v>
      </c>
      <c r="Y20" s="60" t="s">
        <v>30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33"/>
      <c r="D21" s="131"/>
      <c r="E21" s="33"/>
      <c r="F21" s="58"/>
      <c r="G21" s="33"/>
      <c r="H21" s="59"/>
      <c r="I21" s="33"/>
      <c r="J21" s="59"/>
      <c r="K21" s="132"/>
      <c r="L21" s="33"/>
      <c r="M21" s="133"/>
      <c r="N21" s="60"/>
      <c r="O21" s="61"/>
      <c r="P21" s="187"/>
      <c r="Q21" s="180"/>
      <c r="R21" s="33"/>
      <c r="S21" s="61"/>
      <c r="T21" s="134"/>
      <c r="U21" s="61"/>
      <c r="V21" s="59"/>
      <c r="W21" s="60"/>
      <c r="X21" s="60"/>
      <c r="Y21" s="60"/>
      <c r="Z21" s="135"/>
      <c r="AA21" s="27"/>
      <c r="AB21" s="27"/>
      <c r="AC21" s="27"/>
      <c r="AD21" s="28"/>
      <c r="AE21" s="29"/>
      <c r="AF21" s="29"/>
      <c r="AG21" s="29"/>
      <c r="AH21" s="27"/>
      <c r="AI21" s="27"/>
      <c r="AJ21" s="27"/>
      <c r="AK21" s="27"/>
      <c r="AL21" s="28"/>
      <c r="AM21" s="29"/>
      <c r="AN21" s="29"/>
      <c r="AO21" s="30"/>
    </row>
    <row r="22" spans="1:41" s="46" customFormat="1" ht="9.75" customHeight="1">
      <c r="A22" s="57"/>
      <c r="B22" s="141"/>
      <c r="C22" s="33"/>
      <c r="D22" s="34"/>
      <c r="E22" s="175" t="s">
        <v>36</v>
      </c>
      <c r="F22" s="189" t="s">
        <v>937</v>
      </c>
      <c r="G22" s="48"/>
      <c r="H22" s="50"/>
      <c r="I22" s="48"/>
      <c r="J22" s="50"/>
      <c r="K22" s="128"/>
      <c r="L22" s="48"/>
      <c r="M22" s="129"/>
      <c r="N22" s="51"/>
      <c r="O22" s="52"/>
      <c r="P22" s="52"/>
      <c r="Q22" s="76"/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41"/>
      <c r="C23" s="33"/>
      <c r="D23" s="141"/>
      <c r="E23" s="176"/>
      <c r="F23" s="190"/>
      <c r="G23" s="33"/>
      <c r="H23" s="59" t="s">
        <v>938</v>
      </c>
      <c r="I23" s="33"/>
      <c r="J23" s="59" t="s">
        <v>30</v>
      </c>
      <c r="K23" s="132" t="s">
        <v>30</v>
      </c>
      <c r="L23" s="33"/>
      <c r="M23" s="133" t="s">
        <v>30</v>
      </c>
      <c r="N23" s="60" t="s">
        <v>938</v>
      </c>
      <c r="O23" s="61"/>
      <c r="P23" s="61"/>
      <c r="Q23" s="58"/>
      <c r="R23" s="33"/>
      <c r="S23" s="61"/>
      <c r="T23" s="134" t="s">
        <v>939</v>
      </c>
      <c r="U23" s="61"/>
      <c r="V23" s="59" t="s">
        <v>30</v>
      </c>
      <c r="W23" s="60" t="s">
        <v>30</v>
      </c>
      <c r="X23" s="60" t="s">
        <v>30</v>
      </c>
      <c r="Y23" s="60" t="s">
        <v>934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41"/>
      <c r="C24" s="33"/>
      <c r="D24" s="141"/>
      <c r="E24" s="176"/>
      <c r="F24" s="190"/>
      <c r="G24" s="33"/>
      <c r="H24" s="59"/>
      <c r="I24" s="33"/>
      <c r="J24" s="59"/>
      <c r="K24" s="132"/>
      <c r="L24" s="33"/>
      <c r="M24" s="133"/>
      <c r="N24" s="60"/>
      <c r="O24" s="61"/>
      <c r="P24" s="61"/>
      <c r="Q24" s="58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141"/>
      <c r="E25" s="33"/>
      <c r="F25" s="34"/>
      <c r="G25" s="33"/>
      <c r="H25" s="59"/>
      <c r="I25" s="33"/>
      <c r="J25" s="59"/>
      <c r="K25" s="132"/>
      <c r="L25" s="33"/>
      <c r="M25" s="133"/>
      <c r="N25" s="60"/>
      <c r="O25" s="61"/>
      <c r="P25" s="185" t="s">
        <v>107</v>
      </c>
      <c r="Q25" s="178" t="s">
        <v>108</v>
      </c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41"/>
      <c r="E26" s="33"/>
      <c r="F26" s="34"/>
      <c r="G26" s="33"/>
      <c r="H26" s="59"/>
      <c r="I26" s="33"/>
      <c r="J26" s="59"/>
      <c r="K26" s="132"/>
      <c r="L26" s="33"/>
      <c r="M26" s="133"/>
      <c r="N26" s="60"/>
      <c r="O26" s="61"/>
      <c r="P26" s="186"/>
      <c r="Q26" s="179"/>
      <c r="R26" s="33"/>
      <c r="S26" s="61" t="s">
        <v>938</v>
      </c>
      <c r="T26" s="134" t="s">
        <v>939</v>
      </c>
      <c r="U26" s="61"/>
      <c r="V26" s="59" t="s">
        <v>30</v>
      </c>
      <c r="W26" s="60" t="s">
        <v>30</v>
      </c>
      <c r="X26" s="60" t="s">
        <v>30</v>
      </c>
      <c r="Y26" s="60" t="s">
        <v>934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64"/>
      <c r="D27" s="159"/>
      <c r="E27" s="64"/>
      <c r="F27" s="77"/>
      <c r="G27" s="64"/>
      <c r="H27" s="66"/>
      <c r="I27" s="64"/>
      <c r="J27" s="66"/>
      <c r="K27" s="137"/>
      <c r="L27" s="64"/>
      <c r="M27" s="138"/>
      <c r="N27" s="67"/>
      <c r="O27" s="68"/>
      <c r="P27" s="187"/>
      <c r="Q27" s="180"/>
      <c r="R27" s="64"/>
      <c r="S27" s="68"/>
      <c r="T27" s="139"/>
      <c r="U27" s="68"/>
      <c r="V27" s="66"/>
      <c r="W27" s="67"/>
      <c r="X27" s="67"/>
      <c r="Y27" s="67"/>
      <c r="Z27" s="140"/>
      <c r="AA27" s="71"/>
      <c r="AB27" s="71"/>
      <c r="AC27" s="71"/>
      <c r="AD27" s="72"/>
      <c r="AE27" s="73"/>
      <c r="AF27" s="73"/>
      <c r="AG27" s="73"/>
      <c r="AH27" s="71"/>
      <c r="AI27" s="71"/>
      <c r="AJ27" s="71"/>
      <c r="AK27" s="71"/>
      <c r="AL27" s="72"/>
      <c r="AM27" s="73"/>
      <c r="AN27" s="73"/>
      <c r="AO27" s="74"/>
    </row>
    <row r="28" spans="1:41" s="46" customFormat="1" ht="9.75" customHeight="1">
      <c r="A28" s="57"/>
      <c r="B28" s="34"/>
      <c r="C28" s="175" t="s">
        <v>36</v>
      </c>
      <c r="D28" s="178" t="s">
        <v>940</v>
      </c>
      <c r="E28" s="48"/>
      <c r="F28" s="49"/>
      <c r="G28" s="48"/>
      <c r="H28" s="50"/>
      <c r="I28" s="48"/>
      <c r="J28" s="50"/>
      <c r="K28" s="128"/>
      <c r="L28" s="48"/>
      <c r="M28" s="129"/>
      <c r="N28" s="51"/>
      <c r="O28" s="52"/>
      <c r="P28" s="52"/>
      <c r="Q28" s="76"/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41"/>
      <c r="C29" s="176"/>
      <c r="D29" s="179"/>
      <c r="E29" s="33"/>
      <c r="F29" s="34"/>
      <c r="G29" s="33"/>
      <c r="H29" s="59" t="s">
        <v>941</v>
      </c>
      <c r="I29" s="33"/>
      <c r="J29" s="59" t="s">
        <v>30</v>
      </c>
      <c r="K29" s="132" t="s">
        <v>30</v>
      </c>
      <c r="L29" s="33"/>
      <c r="M29" s="133" t="s">
        <v>30</v>
      </c>
      <c r="N29" s="60" t="s">
        <v>941</v>
      </c>
      <c r="O29" s="61"/>
      <c r="P29" s="61"/>
      <c r="Q29" s="58"/>
      <c r="R29" s="33"/>
      <c r="S29" s="61"/>
      <c r="T29" s="134" t="s">
        <v>942</v>
      </c>
      <c r="U29" s="61"/>
      <c r="V29" s="59" t="s">
        <v>30</v>
      </c>
      <c r="W29" s="60" t="s">
        <v>30</v>
      </c>
      <c r="X29" s="60" t="s">
        <v>30</v>
      </c>
      <c r="Y29" s="60" t="s">
        <v>943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41"/>
      <c r="C30" s="176"/>
      <c r="D30" s="179"/>
      <c r="E30" s="33"/>
      <c r="F30" s="34"/>
      <c r="G30" s="33"/>
      <c r="H30" s="59"/>
      <c r="I30" s="33"/>
      <c r="J30" s="59"/>
      <c r="K30" s="132"/>
      <c r="L30" s="33"/>
      <c r="M30" s="133"/>
      <c r="N30" s="60"/>
      <c r="O30" s="61"/>
      <c r="P30" s="61"/>
      <c r="Q30" s="58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34"/>
      <c r="E31" s="175" t="s">
        <v>21</v>
      </c>
      <c r="F31" s="188" t="s">
        <v>944</v>
      </c>
      <c r="G31" s="48"/>
      <c r="H31" s="50"/>
      <c r="I31" s="48"/>
      <c r="J31" s="50"/>
      <c r="K31" s="128"/>
      <c r="L31" s="48"/>
      <c r="M31" s="129"/>
      <c r="N31" s="51"/>
      <c r="O31" s="52"/>
      <c r="P31" s="52"/>
      <c r="Q31" s="76"/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41"/>
      <c r="E32" s="176"/>
      <c r="F32" s="179"/>
      <c r="G32" s="33"/>
      <c r="H32" s="59" t="s">
        <v>941</v>
      </c>
      <c r="I32" s="33"/>
      <c r="J32" s="59" t="s">
        <v>30</v>
      </c>
      <c r="K32" s="132" t="s">
        <v>30</v>
      </c>
      <c r="L32" s="33"/>
      <c r="M32" s="133" t="s">
        <v>30</v>
      </c>
      <c r="N32" s="60" t="s">
        <v>941</v>
      </c>
      <c r="O32" s="61"/>
      <c r="P32" s="61"/>
      <c r="Q32" s="34"/>
      <c r="R32" s="33"/>
      <c r="S32" s="61"/>
      <c r="T32" s="134" t="s">
        <v>942</v>
      </c>
      <c r="U32" s="61"/>
      <c r="V32" s="59" t="s">
        <v>30</v>
      </c>
      <c r="W32" s="60" t="s">
        <v>30</v>
      </c>
      <c r="X32" s="60" t="s">
        <v>30</v>
      </c>
      <c r="Y32" s="60" t="s">
        <v>943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33"/>
      <c r="D33" s="141"/>
      <c r="E33" s="176"/>
      <c r="F33" s="179"/>
      <c r="G33" s="33"/>
      <c r="H33" s="59"/>
      <c r="I33" s="33"/>
      <c r="J33" s="59"/>
      <c r="K33" s="132"/>
      <c r="L33" s="33"/>
      <c r="M33" s="133"/>
      <c r="N33" s="60"/>
      <c r="O33" s="61"/>
      <c r="P33" s="61"/>
      <c r="Q33" s="34"/>
      <c r="R33" s="33"/>
      <c r="S33" s="61"/>
      <c r="T33" s="134"/>
      <c r="U33" s="61"/>
      <c r="V33" s="59"/>
      <c r="W33" s="60"/>
      <c r="X33" s="60"/>
      <c r="Y33" s="60"/>
      <c r="Z33" s="135"/>
      <c r="AA33" s="27"/>
      <c r="AB33" s="27"/>
      <c r="AC33" s="27"/>
      <c r="AD33" s="28"/>
      <c r="AE33" s="29"/>
      <c r="AF33" s="29"/>
      <c r="AG33" s="29"/>
      <c r="AH33" s="27"/>
      <c r="AI33" s="27"/>
      <c r="AJ33" s="27"/>
      <c r="AK33" s="27"/>
      <c r="AL33" s="28"/>
      <c r="AM33" s="29"/>
      <c r="AN33" s="29"/>
      <c r="AO33" s="30"/>
    </row>
    <row r="34" spans="1:41" s="46" customFormat="1" ht="9.75" customHeight="1">
      <c r="A34" s="57"/>
      <c r="B34" s="131"/>
      <c r="C34" s="33"/>
      <c r="D34" s="131"/>
      <c r="E34" s="33"/>
      <c r="F34" s="34"/>
      <c r="G34" s="33"/>
      <c r="H34" s="59"/>
      <c r="I34" s="33"/>
      <c r="J34" s="59"/>
      <c r="K34" s="132"/>
      <c r="L34" s="33"/>
      <c r="M34" s="133"/>
      <c r="N34" s="60"/>
      <c r="O34" s="61"/>
      <c r="P34" s="185" t="s">
        <v>102</v>
      </c>
      <c r="Q34" s="188" t="s">
        <v>103</v>
      </c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31"/>
      <c r="C35" s="33"/>
      <c r="D35" s="131"/>
      <c r="E35" s="33"/>
      <c r="F35" s="34"/>
      <c r="G35" s="33"/>
      <c r="H35" s="59"/>
      <c r="I35" s="33"/>
      <c r="J35" s="59"/>
      <c r="K35" s="132"/>
      <c r="L35" s="33"/>
      <c r="M35" s="133"/>
      <c r="N35" s="60"/>
      <c r="O35" s="61"/>
      <c r="P35" s="186"/>
      <c r="Q35" s="179"/>
      <c r="R35" s="33"/>
      <c r="S35" s="61" t="s">
        <v>941</v>
      </c>
      <c r="T35" s="134" t="s">
        <v>942</v>
      </c>
      <c r="U35" s="61"/>
      <c r="V35" s="59" t="s">
        <v>30</v>
      </c>
      <c r="W35" s="60" t="s">
        <v>30</v>
      </c>
      <c r="X35" s="60" t="s">
        <v>30</v>
      </c>
      <c r="Y35" s="60" t="s">
        <v>943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31"/>
      <c r="C36" s="64"/>
      <c r="D36" s="136"/>
      <c r="E36" s="64"/>
      <c r="F36" s="77"/>
      <c r="G36" s="64"/>
      <c r="H36" s="66"/>
      <c r="I36" s="64"/>
      <c r="J36" s="66"/>
      <c r="K36" s="137"/>
      <c r="L36" s="64"/>
      <c r="M36" s="138"/>
      <c r="N36" s="67"/>
      <c r="O36" s="68"/>
      <c r="P36" s="187"/>
      <c r="Q36" s="180"/>
      <c r="R36" s="64"/>
      <c r="S36" s="68"/>
      <c r="T36" s="139"/>
      <c r="U36" s="68"/>
      <c r="V36" s="66"/>
      <c r="W36" s="67"/>
      <c r="X36" s="67"/>
      <c r="Y36" s="67"/>
      <c r="Z36" s="140"/>
      <c r="AA36" s="71"/>
      <c r="AB36" s="71"/>
      <c r="AC36" s="71"/>
      <c r="AD36" s="72"/>
      <c r="AE36" s="73"/>
      <c r="AF36" s="73"/>
      <c r="AG36" s="73"/>
      <c r="AH36" s="71"/>
      <c r="AI36" s="71"/>
      <c r="AJ36" s="71"/>
      <c r="AK36" s="71"/>
      <c r="AL36" s="72"/>
      <c r="AM36" s="73"/>
      <c r="AN36" s="73"/>
      <c r="AO36" s="74"/>
    </row>
    <row r="37" spans="1:41" s="46" customFormat="1" ht="9.75" customHeight="1">
      <c r="A37" s="57"/>
      <c r="B37" s="34"/>
      <c r="C37" s="175" t="s">
        <v>52</v>
      </c>
      <c r="D37" s="178" t="s">
        <v>330</v>
      </c>
      <c r="E37" s="48"/>
      <c r="F37" s="49"/>
      <c r="G37" s="48"/>
      <c r="H37" s="50"/>
      <c r="I37" s="48"/>
      <c r="J37" s="50"/>
      <c r="K37" s="128"/>
      <c r="L37" s="48"/>
      <c r="M37" s="129"/>
      <c r="N37" s="51"/>
      <c r="O37" s="52"/>
      <c r="P37" s="52"/>
      <c r="Q37" s="76"/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41"/>
      <c r="C38" s="176"/>
      <c r="D38" s="179"/>
      <c r="E38" s="33"/>
      <c r="F38" s="34"/>
      <c r="G38" s="33"/>
      <c r="H38" s="59" t="s">
        <v>945</v>
      </c>
      <c r="I38" s="33"/>
      <c r="J38" s="59" t="s">
        <v>30</v>
      </c>
      <c r="K38" s="132" t="s">
        <v>30</v>
      </c>
      <c r="L38" s="33"/>
      <c r="M38" s="133" t="s">
        <v>30</v>
      </c>
      <c r="N38" s="60" t="s">
        <v>945</v>
      </c>
      <c r="O38" s="61"/>
      <c r="P38" s="61"/>
      <c r="Q38" s="58"/>
      <c r="R38" s="33"/>
      <c r="S38" s="61"/>
      <c r="T38" s="134" t="s">
        <v>946</v>
      </c>
      <c r="U38" s="61"/>
      <c r="V38" s="59" t="s">
        <v>30</v>
      </c>
      <c r="W38" s="60" t="s">
        <v>30</v>
      </c>
      <c r="X38" s="60" t="s">
        <v>30</v>
      </c>
      <c r="Y38" s="60" t="s">
        <v>947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41"/>
      <c r="C39" s="176"/>
      <c r="D39" s="179"/>
      <c r="E39" s="33"/>
      <c r="F39" s="34"/>
      <c r="G39" s="33"/>
      <c r="H39" s="59"/>
      <c r="I39" s="33"/>
      <c r="J39" s="59"/>
      <c r="K39" s="132"/>
      <c r="L39" s="33"/>
      <c r="M39" s="133"/>
      <c r="N39" s="60"/>
      <c r="O39" s="61"/>
      <c r="P39" s="61"/>
      <c r="Q39" s="58"/>
      <c r="R39" s="33"/>
      <c r="S39" s="61"/>
      <c r="T39" s="134"/>
      <c r="U39" s="61"/>
      <c r="V39" s="59"/>
      <c r="W39" s="60"/>
      <c r="X39" s="60"/>
      <c r="Y39" s="60"/>
      <c r="Z39" s="135"/>
      <c r="AA39" s="27"/>
      <c r="AB39" s="27"/>
      <c r="AC39" s="27"/>
      <c r="AD39" s="28"/>
      <c r="AE39" s="29"/>
      <c r="AF39" s="29"/>
      <c r="AG39" s="29"/>
      <c r="AH39" s="27"/>
      <c r="AI39" s="27"/>
      <c r="AJ39" s="27"/>
      <c r="AK39" s="27"/>
      <c r="AL39" s="28"/>
      <c r="AM39" s="29"/>
      <c r="AN39" s="29"/>
      <c r="AO39" s="30"/>
    </row>
    <row r="40" spans="1:41" s="46" customFormat="1" ht="9.75" customHeight="1">
      <c r="A40" s="57"/>
      <c r="B40" s="131"/>
      <c r="C40" s="33"/>
      <c r="D40" s="34"/>
      <c r="E40" s="175" t="s">
        <v>21</v>
      </c>
      <c r="F40" s="178" t="s">
        <v>332</v>
      </c>
      <c r="G40" s="48"/>
      <c r="H40" s="50"/>
      <c r="I40" s="48"/>
      <c r="J40" s="50"/>
      <c r="K40" s="128"/>
      <c r="L40" s="48"/>
      <c r="M40" s="129"/>
      <c r="N40" s="51"/>
      <c r="O40" s="52"/>
      <c r="P40" s="52"/>
      <c r="Q40" s="76"/>
      <c r="R40" s="48"/>
      <c r="S40" s="52"/>
      <c r="T40" s="130"/>
      <c r="U40" s="52"/>
      <c r="V40" s="50"/>
      <c r="W40" s="51"/>
      <c r="X40" s="51"/>
      <c r="Y40" s="51"/>
      <c r="Z40" s="122" t="s">
        <v>3</v>
      </c>
      <c r="AA40" s="55"/>
      <c r="AB40" s="55"/>
      <c r="AC40" s="55"/>
      <c r="AD40" s="56"/>
      <c r="AE40" s="19"/>
      <c r="AF40" s="19"/>
      <c r="AG40" s="19"/>
      <c r="AH40" s="55"/>
      <c r="AI40" s="55"/>
      <c r="AJ40" s="55"/>
      <c r="AK40" s="55"/>
      <c r="AL40" s="56"/>
      <c r="AM40" s="19"/>
      <c r="AN40" s="19"/>
      <c r="AO40" s="26"/>
    </row>
    <row r="41" spans="1:41" s="46" customFormat="1" ht="9.75" customHeight="1">
      <c r="A41" s="57"/>
      <c r="B41" s="131"/>
      <c r="C41" s="33"/>
      <c r="D41" s="141"/>
      <c r="E41" s="176"/>
      <c r="F41" s="179"/>
      <c r="G41" s="33"/>
      <c r="H41" s="59" t="s">
        <v>948</v>
      </c>
      <c r="I41" s="33"/>
      <c r="J41" s="59" t="s">
        <v>30</v>
      </c>
      <c r="K41" s="132" t="s">
        <v>30</v>
      </c>
      <c r="L41" s="33"/>
      <c r="M41" s="133" t="s">
        <v>30</v>
      </c>
      <c r="N41" s="60" t="s">
        <v>948</v>
      </c>
      <c r="O41" s="61"/>
      <c r="P41" s="61"/>
      <c r="Q41" s="34"/>
      <c r="R41" s="33"/>
      <c r="S41" s="61"/>
      <c r="T41" s="134" t="s">
        <v>949</v>
      </c>
      <c r="U41" s="61"/>
      <c r="V41" s="59" t="s">
        <v>30</v>
      </c>
      <c r="W41" s="60" t="s">
        <v>30</v>
      </c>
      <c r="X41" s="60" t="s">
        <v>30</v>
      </c>
      <c r="Y41" s="60" t="s">
        <v>950</v>
      </c>
      <c r="Z41" s="135"/>
      <c r="AA41" s="27"/>
      <c r="AB41" s="27"/>
      <c r="AC41" s="27"/>
      <c r="AD41" s="28"/>
      <c r="AE41" s="29"/>
      <c r="AF41" s="29"/>
      <c r="AG41" s="29"/>
      <c r="AH41" s="27"/>
      <c r="AI41" s="27"/>
      <c r="AJ41" s="27"/>
      <c r="AK41" s="27"/>
      <c r="AL41" s="28"/>
      <c r="AM41" s="29"/>
      <c r="AN41" s="29"/>
      <c r="AO41" s="30"/>
    </row>
    <row r="42" spans="1:41" s="46" customFormat="1" ht="9.75" customHeight="1">
      <c r="A42" s="57"/>
      <c r="B42" s="131"/>
      <c r="C42" s="33"/>
      <c r="D42" s="141"/>
      <c r="E42" s="176"/>
      <c r="F42" s="179"/>
      <c r="G42" s="33"/>
      <c r="H42" s="59"/>
      <c r="I42" s="33"/>
      <c r="J42" s="59"/>
      <c r="K42" s="132"/>
      <c r="L42" s="33"/>
      <c r="M42" s="133"/>
      <c r="N42" s="60"/>
      <c r="O42" s="61"/>
      <c r="P42" s="61"/>
      <c r="Q42" s="34"/>
      <c r="R42" s="33"/>
      <c r="S42" s="61"/>
      <c r="T42" s="134"/>
      <c r="U42" s="61"/>
      <c r="V42" s="59"/>
      <c r="W42" s="60"/>
      <c r="X42" s="60"/>
      <c r="Y42" s="60"/>
      <c r="Z42" s="135"/>
      <c r="AA42" s="27"/>
      <c r="AB42" s="27"/>
      <c r="AC42" s="27"/>
      <c r="AD42" s="28"/>
      <c r="AE42" s="29"/>
      <c r="AF42" s="29"/>
      <c r="AG42" s="29"/>
      <c r="AH42" s="27"/>
      <c r="AI42" s="27"/>
      <c r="AJ42" s="27"/>
      <c r="AK42" s="27"/>
      <c r="AL42" s="28"/>
      <c r="AM42" s="29"/>
      <c r="AN42" s="29"/>
      <c r="AO42" s="30"/>
    </row>
    <row r="43" spans="1:41" s="46" customFormat="1" ht="9.75" customHeight="1">
      <c r="A43" s="57"/>
      <c r="B43" s="131"/>
      <c r="C43" s="33"/>
      <c r="D43" s="131"/>
      <c r="E43" s="33"/>
      <c r="F43" s="34"/>
      <c r="G43" s="33"/>
      <c r="H43" s="59"/>
      <c r="I43" s="33"/>
      <c r="J43" s="59"/>
      <c r="K43" s="132"/>
      <c r="L43" s="33"/>
      <c r="M43" s="133"/>
      <c r="N43" s="60"/>
      <c r="O43" s="61"/>
      <c r="P43" s="185" t="s">
        <v>352</v>
      </c>
      <c r="Q43" s="178" t="s">
        <v>353</v>
      </c>
      <c r="R43" s="48"/>
      <c r="S43" s="52"/>
      <c r="T43" s="130"/>
      <c r="U43" s="52"/>
      <c r="V43" s="50"/>
      <c r="W43" s="51"/>
      <c r="X43" s="51"/>
      <c r="Y43" s="51"/>
      <c r="Z43" s="122" t="s">
        <v>3</v>
      </c>
      <c r="AA43" s="55"/>
      <c r="AB43" s="55"/>
      <c r="AC43" s="55"/>
      <c r="AD43" s="56"/>
      <c r="AE43" s="19"/>
      <c r="AF43" s="19"/>
      <c r="AG43" s="19"/>
      <c r="AH43" s="55"/>
      <c r="AI43" s="55"/>
      <c r="AJ43" s="55"/>
      <c r="AK43" s="55"/>
      <c r="AL43" s="56"/>
      <c r="AM43" s="19"/>
      <c r="AN43" s="19"/>
      <c r="AO43" s="26"/>
    </row>
    <row r="44" spans="1:41" s="46" customFormat="1" ht="9.75" customHeight="1">
      <c r="A44" s="57"/>
      <c r="B44" s="131"/>
      <c r="C44" s="33"/>
      <c r="D44" s="131"/>
      <c r="E44" s="33"/>
      <c r="F44" s="34"/>
      <c r="G44" s="33"/>
      <c r="H44" s="59"/>
      <c r="I44" s="33"/>
      <c r="J44" s="59"/>
      <c r="K44" s="132"/>
      <c r="L44" s="33"/>
      <c r="M44" s="133"/>
      <c r="N44" s="60"/>
      <c r="O44" s="61"/>
      <c r="P44" s="186"/>
      <c r="Q44" s="179"/>
      <c r="R44" s="33"/>
      <c r="S44" s="61" t="s">
        <v>951</v>
      </c>
      <c r="T44" s="134" t="s">
        <v>952</v>
      </c>
      <c r="U44" s="61"/>
      <c r="V44" s="59" t="s">
        <v>30</v>
      </c>
      <c r="W44" s="60" t="s">
        <v>30</v>
      </c>
      <c r="X44" s="60" t="s">
        <v>30</v>
      </c>
      <c r="Y44" s="60" t="s">
        <v>950</v>
      </c>
      <c r="Z44" s="135"/>
      <c r="AA44" s="27"/>
      <c r="AB44" s="27"/>
      <c r="AC44" s="27"/>
      <c r="AD44" s="28"/>
      <c r="AE44" s="29"/>
      <c r="AF44" s="29"/>
      <c r="AG44" s="29"/>
      <c r="AH44" s="27"/>
      <c r="AI44" s="27"/>
      <c r="AJ44" s="27"/>
      <c r="AK44" s="27"/>
      <c r="AL44" s="28"/>
      <c r="AM44" s="29"/>
      <c r="AN44" s="29"/>
      <c r="AO44" s="30"/>
    </row>
    <row r="45" spans="1:41" s="46" customFormat="1" ht="9.75" customHeight="1">
      <c r="A45" s="57"/>
      <c r="B45" s="131"/>
      <c r="C45" s="33"/>
      <c r="D45" s="131"/>
      <c r="E45" s="33"/>
      <c r="F45" s="34"/>
      <c r="G45" s="33"/>
      <c r="H45" s="59"/>
      <c r="I45" s="33"/>
      <c r="J45" s="59"/>
      <c r="K45" s="132"/>
      <c r="L45" s="33"/>
      <c r="M45" s="133"/>
      <c r="N45" s="60"/>
      <c r="O45" s="61"/>
      <c r="P45" s="187"/>
      <c r="Q45" s="180"/>
      <c r="R45" s="33"/>
      <c r="S45" s="61"/>
      <c r="T45" s="134"/>
      <c r="U45" s="61"/>
      <c r="V45" s="59"/>
      <c r="W45" s="60"/>
      <c r="X45" s="60"/>
      <c r="Y45" s="60"/>
      <c r="Z45" s="135"/>
      <c r="AA45" s="27"/>
      <c r="AB45" s="27"/>
      <c r="AC45" s="27"/>
      <c r="AD45" s="28"/>
      <c r="AE45" s="29"/>
      <c r="AF45" s="29"/>
      <c r="AG45" s="29"/>
      <c r="AH45" s="27"/>
      <c r="AI45" s="27"/>
      <c r="AJ45" s="27"/>
      <c r="AK45" s="27"/>
      <c r="AL45" s="28"/>
      <c r="AM45" s="29"/>
      <c r="AN45" s="29"/>
      <c r="AO45" s="30"/>
    </row>
    <row r="46" spans="1:41" s="46" customFormat="1" ht="9.75" customHeight="1">
      <c r="A46" s="57"/>
      <c r="B46" s="131"/>
      <c r="C46" s="33"/>
      <c r="D46" s="131"/>
      <c r="E46" s="33"/>
      <c r="F46" s="58"/>
      <c r="G46" s="33"/>
      <c r="H46" s="59"/>
      <c r="I46" s="33"/>
      <c r="J46" s="59"/>
      <c r="K46" s="132"/>
      <c r="L46" s="33"/>
      <c r="M46" s="133"/>
      <c r="N46" s="60"/>
      <c r="O46" s="61"/>
      <c r="P46" s="185" t="s">
        <v>102</v>
      </c>
      <c r="Q46" s="188" t="s">
        <v>103</v>
      </c>
      <c r="R46" s="48"/>
      <c r="S46" s="52"/>
      <c r="T46" s="130"/>
      <c r="U46" s="52"/>
      <c r="V46" s="50"/>
      <c r="W46" s="51"/>
      <c r="X46" s="51"/>
      <c r="Y46" s="51"/>
      <c r="Z46" s="122" t="s">
        <v>3</v>
      </c>
      <c r="AA46" s="55"/>
      <c r="AB46" s="55"/>
      <c r="AC46" s="55"/>
      <c r="AD46" s="56"/>
      <c r="AE46" s="19"/>
      <c r="AF46" s="19"/>
      <c r="AG46" s="19"/>
      <c r="AH46" s="55"/>
      <c r="AI46" s="55"/>
      <c r="AJ46" s="55"/>
      <c r="AK46" s="55"/>
      <c r="AL46" s="56"/>
      <c r="AM46" s="19"/>
      <c r="AN46" s="19"/>
      <c r="AO46" s="26"/>
    </row>
    <row r="47" spans="1:41" s="46" customFormat="1" ht="9.75" customHeight="1">
      <c r="A47" s="57"/>
      <c r="B47" s="131"/>
      <c r="C47" s="33"/>
      <c r="D47" s="131"/>
      <c r="E47" s="33"/>
      <c r="F47" s="58"/>
      <c r="G47" s="33"/>
      <c r="H47" s="59"/>
      <c r="I47" s="33"/>
      <c r="J47" s="59"/>
      <c r="K47" s="132"/>
      <c r="L47" s="33"/>
      <c r="M47" s="133"/>
      <c r="N47" s="60"/>
      <c r="O47" s="61"/>
      <c r="P47" s="186"/>
      <c r="Q47" s="179"/>
      <c r="R47" s="33"/>
      <c r="S47" s="61" t="s">
        <v>953</v>
      </c>
      <c r="T47" s="134" t="s">
        <v>953</v>
      </c>
      <c r="U47" s="61"/>
      <c r="V47" s="59" t="s">
        <v>30</v>
      </c>
      <c r="W47" s="60" t="s">
        <v>30</v>
      </c>
      <c r="X47" s="60" t="s">
        <v>30</v>
      </c>
      <c r="Y47" s="60" t="s">
        <v>30</v>
      </c>
      <c r="Z47" s="135"/>
      <c r="AA47" s="27"/>
      <c r="AB47" s="27"/>
      <c r="AC47" s="27"/>
      <c r="AD47" s="28"/>
      <c r="AE47" s="29"/>
      <c r="AF47" s="29"/>
      <c r="AG47" s="29"/>
      <c r="AH47" s="27"/>
      <c r="AI47" s="27"/>
      <c r="AJ47" s="27"/>
      <c r="AK47" s="27"/>
      <c r="AL47" s="28"/>
      <c r="AM47" s="29"/>
      <c r="AN47" s="29"/>
      <c r="AO47" s="30"/>
    </row>
    <row r="48" spans="1:41" s="46" customFormat="1" ht="9.75" customHeight="1">
      <c r="A48" s="57"/>
      <c r="B48" s="131"/>
      <c r="C48" s="33"/>
      <c r="D48" s="131"/>
      <c r="E48" s="33"/>
      <c r="F48" s="58"/>
      <c r="G48" s="33"/>
      <c r="H48" s="59"/>
      <c r="I48" s="33"/>
      <c r="J48" s="59"/>
      <c r="K48" s="132"/>
      <c r="L48" s="33"/>
      <c r="M48" s="133"/>
      <c r="N48" s="60"/>
      <c r="O48" s="61"/>
      <c r="P48" s="187"/>
      <c r="Q48" s="180"/>
      <c r="R48" s="33"/>
      <c r="S48" s="61"/>
      <c r="T48" s="134"/>
      <c r="U48" s="61"/>
      <c r="V48" s="59"/>
      <c r="W48" s="60"/>
      <c r="X48" s="60"/>
      <c r="Y48" s="60"/>
      <c r="Z48" s="135"/>
      <c r="AA48" s="27"/>
      <c r="AB48" s="27"/>
      <c r="AC48" s="27"/>
      <c r="AD48" s="28"/>
      <c r="AE48" s="29"/>
      <c r="AF48" s="29"/>
      <c r="AG48" s="29"/>
      <c r="AH48" s="27"/>
      <c r="AI48" s="27"/>
      <c r="AJ48" s="27"/>
      <c r="AK48" s="27"/>
      <c r="AL48" s="28"/>
      <c r="AM48" s="29"/>
      <c r="AN48" s="29"/>
      <c r="AO48" s="30"/>
    </row>
    <row r="49" spans="1:41" s="46" customFormat="1" ht="9.75" customHeight="1">
      <c r="A49" s="57"/>
      <c r="B49" s="141"/>
      <c r="C49" s="33"/>
      <c r="D49" s="34"/>
      <c r="E49" s="175" t="s">
        <v>36</v>
      </c>
      <c r="F49" s="178" t="s">
        <v>348</v>
      </c>
      <c r="G49" s="48"/>
      <c r="H49" s="50"/>
      <c r="I49" s="48"/>
      <c r="J49" s="50"/>
      <c r="K49" s="128"/>
      <c r="L49" s="48"/>
      <c r="M49" s="129"/>
      <c r="N49" s="51"/>
      <c r="O49" s="52"/>
      <c r="P49" s="52"/>
      <c r="Q49" s="76"/>
      <c r="R49" s="48"/>
      <c r="S49" s="52"/>
      <c r="T49" s="130"/>
      <c r="U49" s="52"/>
      <c r="V49" s="50"/>
      <c r="W49" s="51"/>
      <c r="X49" s="51"/>
      <c r="Y49" s="51"/>
      <c r="Z49" s="122" t="s">
        <v>3</v>
      </c>
      <c r="AA49" s="55"/>
      <c r="AB49" s="55"/>
      <c r="AC49" s="55"/>
      <c r="AD49" s="56"/>
      <c r="AE49" s="19"/>
      <c r="AF49" s="19"/>
      <c r="AG49" s="19"/>
      <c r="AH49" s="55"/>
      <c r="AI49" s="55"/>
      <c r="AJ49" s="55"/>
      <c r="AK49" s="55"/>
      <c r="AL49" s="56"/>
      <c r="AM49" s="19"/>
      <c r="AN49" s="19"/>
      <c r="AO49" s="26"/>
    </row>
    <row r="50" spans="1:41" s="46" customFormat="1" ht="9.75" customHeight="1">
      <c r="A50" s="57"/>
      <c r="B50" s="141"/>
      <c r="C50" s="33"/>
      <c r="D50" s="141"/>
      <c r="E50" s="176"/>
      <c r="F50" s="179"/>
      <c r="G50" s="33"/>
      <c r="H50" s="59" t="s">
        <v>954</v>
      </c>
      <c r="I50" s="33"/>
      <c r="J50" s="59" t="s">
        <v>30</v>
      </c>
      <c r="K50" s="132" t="s">
        <v>30</v>
      </c>
      <c r="L50" s="33"/>
      <c r="M50" s="133" t="s">
        <v>30</v>
      </c>
      <c r="N50" s="60" t="s">
        <v>954</v>
      </c>
      <c r="O50" s="61"/>
      <c r="P50" s="61"/>
      <c r="Q50" s="58"/>
      <c r="R50" s="33"/>
      <c r="S50" s="61"/>
      <c r="T50" s="134" t="s">
        <v>955</v>
      </c>
      <c r="U50" s="61"/>
      <c r="V50" s="59" t="s">
        <v>30</v>
      </c>
      <c r="W50" s="60" t="s">
        <v>30</v>
      </c>
      <c r="X50" s="60" t="s">
        <v>30</v>
      </c>
      <c r="Y50" s="60" t="s">
        <v>956</v>
      </c>
      <c r="Z50" s="135"/>
      <c r="AA50" s="27"/>
      <c r="AB50" s="27"/>
      <c r="AC50" s="27"/>
      <c r="AD50" s="28"/>
      <c r="AE50" s="29"/>
      <c r="AF50" s="29"/>
      <c r="AG50" s="29"/>
      <c r="AH50" s="27"/>
      <c r="AI50" s="27"/>
      <c r="AJ50" s="27"/>
      <c r="AK50" s="27"/>
      <c r="AL50" s="28"/>
      <c r="AM50" s="29"/>
      <c r="AN50" s="29"/>
      <c r="AO50" s="30"/>
    </row>
    <row r="51" spans="1:41" s="46" customFormat="1" ht="9.75" customHeight="1">
      <c r="A51" s="57"/>
      <c r="B51" s="141"/>
      <c r="C51" s="33"/>
      <c r="D51" s="141"/>
      <c r="E51" s="176"/>
      <c r="F51" s="179"/>
      <c r="G51" s="33"/>
      <c r="H51" s="59"/>
      <c r="I51" s="33"/>
      <c r="J51" s="59"/>
      <c r="K51" s="132"/>
      <c r="L51" s="33"/>
      <c r="M51" s="133"/>
      <c r="N51" s="60"/>
      <c r="O51" s="61"/>
      <c r="P51" s="61"/>
      <c r="Q51" s="58"/>
      <c r="R51" s="33"/>
      <c r="S51" s="61"/>
      <c r="T51" s="134"/>
      <c r="U51" s="61"/>
      <c r="V51" s="59"/>
      <c r="W51" s="60"/>
      <c r="X51" s="60"/>
      <c r="Y51" s="60"/>
      <c r="Z51" s="135"/>
      <c r="AA51" s="27"/>
      <c r="AB51" s="27"/>
      <c r="AC51" s="27"/>
      <c r="AD51" s="28"/>
      <c r="AE51" s="29"/>
      <c r="AF51" s="29"/>
      <c r="AG51" s="29"/>
      <c r="AH51" s="27"/>
      <c r="AI51" s="27"/>
      <c r="AJ51" s="27"/>
      <c r="AK51" s="27"/>
      <c r="AL51" s="28"/>
      <c r="AM51" s="29"/>
      <c r="AN51" s="29"/>
      <c r="AO51" s="30"/>
    </row>
    <row r="52" spans="1:41" s="46" customFormat="1" ht="9.75" customHeight="1">
      <c r="A52" s="57"/>
      <c r="B52" s="131"/>
      <c r="C52" s="33"/>
      <c r="D52" s="141"/>
      <c r="E52" s="33"/>
      <c r="F52" s="34"/>
      <c r="G52" s="33"/>
      <c r="H52" s="59"/>
      <c r="I52" s="33"/>
      <c r="J52" s="59"/>
      <c r="K52" s="132"/>
      <c r="L52" s="33"/>
      <c r="M52" s="133"/>
      <c r="N52" s="60"/>
      <c r="O52" s="61"/>
      <c r="P52" s="185" t="s">
        <v>145</v>
      </c>
      <c r="Q52" s="188" t="s">
        <v>146</v>
      </c>
      <c r="R52" s="48"/>
      <c r="S52" s="52"/>
      <c r="T52" s="130"/>
      <c r="U52" s="52"/>
      <c r="V52" s="50"/>
      <c r="W52" s="51"/>
      <c r="X52" s="51"/>
      <c r="Y52" s="51"/>
      <c r="Z52" s="122" t="s">
        <v>3</v>
      </c>
      <c r="AA52" s="55"/>
      <c r="AB52" s="55"/>
      <c r="AC52" s="55"/>
      <c r="AD52" s="56"/>
      <c r="AE52" s="19"/>
      <c r="AF52" s="19"/>
      <c r="AG52" s="19"/>
      <c r="AH52" s="55"/>
      <c r="AI52" s="55"/>
      <c r="AJ52" s="55"/>
      <c r="AK52" s="55"/>
      <c r="AL52" s="56"/>
      <c r="AM52" s="19"/>
      <c r="AN52" s="19"/>
      <c r="AO52" s="26"/>
    </row>
    <row r="53" spans="1:41" s="46" customFormat="1" ht="9.75" customHeight="1">
      <c r="A53" s="57"/>
      <c r="B53" s="131"/>
      <c r="C53" s="33"/>
      <c r="D53" s="141"/>
      <c r="E53" s="33"/>
      <c r="F53" s="34"/>
      <c r="G53" s="33"/>
      <c r="H53" s="59"/>
      <c r="I53" s="33"/>
      <c r="J53" s="59"/>
      <c r="K53" s="132"/>
      <c r="L53" s="33"/>
      <c r="M53" s="133"/>
      <c r="N53" s="60"/>
      <c r="O53" s="61"/>
      <c r="P53" s="186"/>
      <c r="Q53" s="179"/>
      <c r="R53" s="33"/>
      <c r="S53" s="61" t="s">
        <v>954</v>
      </c>
      <c r="T53" s="134" t="s">
        <v>955</v>
      </c>
      <c r="U53" s="61"/>
      <c r="V53" s="59" t="s">
        <v>30</v>
      </c>
      <c r="W53" s="60" t="s">
        <v>30</v>
      </c>
      <c r="X53" s="60" t="s">
        <v>30</v>
      </c>
      <c r="Y53" s="60" t="s">
        <v>956</v>
      </c>
      <c r="Z53" s="135"/>
      <c r="AA53" s="27"/>
      <c r="AB53" s="27"/>
      <c r="AC53" s="27"/>
      <c r="AD53" s="28"/>
      <c r="AE53" s="29"/>
      <c r="AF53" s="29"/>
      <c r="AG53" s="29"/>
      <c r="AH53" s="27"/>
      <c r="AI53" s="27"/>
      <c r="AJ53" s="27"/>
      <c r="AK53" s="27"/>
      <c r="AL53" s="28"/>
      <c r="AM53" s="29"/>
      <c r="AN53" s="29"/>
      <c r="AO53" s="30"/>
    </row>
    <row r="54" spans="1:41" s="46" customFormat="1" ht="9.75" customHeight="1">
      <c r="A54" s="57"/>
      <c r="B54" s="131"/>
      <c r="C54" s="64"/>
      <c r="D54" s="159"/>
      <c r="E54" s="64"/>
      <c r="F54" s="77"/>
      <c r="G54" s="64"/>
      <c r="H54" s="66"/>
      <c r="I54" s="64"/>
      <c r="J54" s="66"/>
      <c r="K54" s="137"/>
      <c r="L54" s="64"/>
      <c r="M54" s="138"/>
      <c r="N54" s="67"/>
      <c r="O54" s="68"/>
      <c r="P54" s="187"/>
      <c r="Q54" s="180"/>
      <c r="R54" s="64"/>
      <c r="S54" s="68"/>
      <c r="T54" s="139"/>
      <c r="U54" s="68"/>
      <c r="V54" s="66"/>
      <c r="W54" s="67"/>
      <c r="X54" s="67"/>
      <c r="Y54" s="67"/>
      <c r="Z54" s="140"/>
      <c r="AA54" s="71"/>
      <c r="AB54" s="71"/>
      <c r="AC54" s="71"/>
      <c r="AD54" s="72"/>
      <c r="AE54" s="73"/>
      <c r="AF54" s="73"/>
      <c r="AG54" s="73"/>
      <c r="AH54" s="71"/>
      <c r="AI54" s="71"/>
      <c r="AJ54" s="71"/>
      <c r="AK54" s="71"/>
      <c r="AL54" s="72"/>
      <c r="AM54" s="73"/>
      <c r="AN54" s="73"/>
      <c r="AO54" s="74"/>
    </row>
    <row r="55" spans="1:41" s="46" customFormat="1" ht="9.75" customHeight="1">
      <c r="A55" s="57"/>
      <c r="B55" s="34"/>
      <c r="C55" s="175" t="s">
        <v>57</v>
      </c>
      <c r="D55" s="178" t="s">
        <v>125</v>
      </c>
      <c r="E55" s="48"/>
      <c r="F55" s="49"/>
      <c r="G55" s="48"/>
      <c r="H55" s="50"/>
      <c r="I55" s="48"/>
      <c r="J55" s="50"/>
      <c r="K55" s="128"/>
      <c r="L55" s="48"/>
      <c r="M55" s="129"/>
      <c r="N55" s="51"/>
      <c r="O55" s="52"/>
      <c r="P55" s="52"/>
      <c r="Q55" s="76"/>
      <c r="R55" s="48"/>
      <c r="S55" s="52"/>
      <c r="T55" s="130"/>
      <c r="U55" s="52"/>
      <c r="V55" s="50"/>
      <c r="W55" s="51"/>
      <c r="X55" s="51"/>
      <c r="Y55" s="51"/>
      <c r="Z55" s="122" t="s">
        <v>3</v>
      </c>
      <c r="AA55" s="55"/>
      <c r="AB55" s="55"/>
      <c r="AC55" s="55"/>
      <c r="AD55" s="56"/>
      <c r="AE55" s="19"/>
      <c r="AF55" s="19"/>
      <c r="AG55" s="19"/>
      <c r="AH55" s="55"/>
      <c r="AI55" s="55"/>
      <c r="AJ55" s="55"/>
      <c r="AK55" s="55"/>
      <c r="AL55" s="56"/>
      <c r="AM55" s="19"/>
      <c r="AN55" s="19"/>
      <c r="AO55" s="26"/>
    </row>
    <row r="56" spans="1:41" s="46" customFormat="1" ht="9.75" customHeight="1">
      <c r="A56" s="57"/>
      <c r="B56" s="141"/>
      <c r="C56" s="176"/>
      <c r="D56" s="179"/>
      <c r="E56" s="33"/>
      <c r="F56" s="34"/>
      <c r="G56" s="33"/>
      <c r="H56" s="59" t="s">
        <v>957</v>
      </c>
      <c r="I56" s="33"/>
      <c r="J56" s="59" t="s">
        <v>30</v>
      </c>
      <c r="K56" s="132" t="s">
        <v>30</v>
      </c>
      <c r="L56" s="33"/>
      <c r="M56" s="133" t="s">
        <v>30</v>
      </c>
      <c r="N56" s="60" t="s">
        <v>957</v>
      </c>
      <c r="O56" s="61"/>
      <c r="P56" s="61"/>
      <c r="Q56" s="58"/>
      <c r="R56" s="33"/>
      <c r="S56" s="61"/>
      <c r="T56" s="134" t="s">
        <v>958</v>
      </c>
      <c r="U56" s="61"/>
      <c r="V56" s="59" t="s">
        <v>30</v>
      </c>
      <c r="W56" s="60" t="s">
        <v>30</v>
      </c>
      <c r="X56" s="60" t="s">
        <v>30</v>
      </c>
      <c r="Y56" s="60" t="s">
        <v>959</v>
      </c>
      <c r="Z56" s="135"/>
      <c r="AA56" s="27"/>
      <c r="AB56" s="27"/>
      <c r="AC56" s="27"/>
      <c r="AD56" s="28"/>
      <c r="AE56" s="29"/>
      <c r="AF56" s="29"/>
      <c r="AG56" s="29"/>
      <c r="AH56" s="27"/>
      <c r="AI56" s="27"/>
      <c r="AJ56" s="27"/>
      <c r="AK56" s="27"/>
      <c r="AL56" s="28"/>
      <c r="AM56" s="29"/>
      <c r="AN56" s="29"/>
      <c r="AO56" s="30"/>
    </row>
    <row r="57" spans="1:41" s="46" customFormat="1" ht="9.75" customHeight="1">
      <c r="A57" s="57"/>
      <c r="B57" s="141"/>
      <c r="C57" s="176"/>
      <c r="D57" s="179"/>
      <c r="E57" s="33"/>
      <c r="F57" s="34"/>
      <c r="G57" s="33"/>
      <c r="H57" s="59"/>
      <c r="I57" s="33"/>
      <c r="J57" s="59"/>
      <c r="K57" s="132"/>
      <c r="L57" s="33"/>
      <c r="M57" s="133"/>
      <c r="N57" s="60"/>
      <c r="O57" s="61"/>
      <c r="P57" s="61"/>
      <c r="Q57" s="58"/>
      <c r="R57" s="33"/>
      <c r="S57" s="61"/>
      <c r="T57" s="134"/>
      <c r="U57" s="61"/>
      <c r="V57" s="59"/>
      <c r="W57" s="60"/>
      <c r="X57" s="60"/>
      <c r="Y57" s="60"/>
      <c r="Z57" s="135"/>
      <c r="AA57" s="27"/>
      <c r="AB57" s="27"/>
      <c r="AC57" s="27"/>
      <c r="AD57" s="28"/>
      <c r="AE57" s="29"/>
      <c r="AF57" s="29"/>
      <c r="AG57" s="29"/>
      <c r="AH57" s="27"/>
      <c r="AI57" s="27"/>
      <c r="AJ57" s="27"/>
      <c r="AK57" s="27"/>
      <c r="AL57" s="28"/>
      <c r="AM57" s="29"/>
      <c r="AN57" s="29"/>
      <c r="AO57" s="30"/>
    </row>
    <row r="58" spans="1:41" s="46" customFormat="1" ht="9.75" customHeight="1">
      <c r="A58" s="57"/>
      <c r="B58" s="131"/>
      <c r="C58" s="33"/>
      <c r="D58" s="34"/>
      <c r="E58" s="175" t="s">
        <v>21</v>
      </c>
      <c r="F58" s="188" t="s">
        <v>226</v>
      </c>
      <c r="G58" s="48"/>
      <c r="H58" s="50"/>
      <c r="I58" s="48"/>
      <c r="J58" s="50"/>
      <c r="K58" s="128"/>
      <c r="L58" s="48"/>
      <c r="M58" s="129"/>
      <c r="N58" s="51"/>
      <c r="O58" s="52"/>
      <c r="P58" s="52"/>
      <c r="Q58" s="76"/>
      <c r="R58" s="48"/>
      <c r="S58" s="52"/>
      <c r="T58" s="130"/>
      <c r="U58" s="52"/>
      <c r="V58" s="50"/>
      <c r="W58" s="51"/>
      <c r="X58" s="51"/>
      <c r="Y58" s="51"/>
      <c r="Z58" s="122" t="s">
        <v>3</v>
      </c>
      <c r="AA58" s="55"/>
      <c r="AB58" s="55"/>
      <c r="AC58" s="55"/>
      <c r="AD58" s="56"/>
      <c r="AE58" s="19"/>
      <c r="AF58" s="19"/>
      <c r="AG58" s="19"/>
      <c r="AH58" s="55"/>
      <c r="AI58" s="55"/>
      <c r="AJ58" s="55"/>
      <c r="AK58" s="55"/>
      <c r="AL58" s="56"/>
      <c r="AM58" s="19"/>
      <c r="AN58" s="19"/>
      <c r="AO58" s="26"/>
    </row>
    <row r="59" spans="1:41" s="46" customFormat="1" ht="9.75" customHeight="1">
      <c r="A59" s="57"/>
      <c r="B59" s="131"/>
      <c r="C59" s="33"/>
      <c r="D59" s="141"/>
      <c r="E59" s="176"/>
      <c r="F59" s="179"/>
      <c r="G59" s="33"/>
      <c r="H59" s="59" t="s">
        <v>957</v>
      </c>
      <c r="I59" s="33"/>
      <c r="J59" s="59" t="s">
        <v>30</v>
      </c>
      <c r="K59" s="132" t="s">
        <v>30</v>
      </c>
      <c r="L59" s="33"/>
      <c r="M59" s="133" t="s">
        <v>30</v>
      </c>
      <c r="N59" s="60" t="s">
        <v>957</v>
      </c>
      <c r="O59" s="61"/>
      <c r="P59" s="61"/>
      <c r="Q59" s="34"/>
      <c r="R59" s="33"/>
      <c r="S59" s="61"/>
      <c r="T59" s="134" t="s">
        <v>958</v>
      </c>
      <c r="U59" s="61"/>
      <c r="V59" s="59" t="s">
        <v>30</v>
      </c>
      <c r="W59" s="60" t="s">
        <v>30</v>
      </c>
      <c r="X59" s="60" t="s">
        <v>30</v>
      </c>
      <c r="Y59" s="60" t="s">
        <v>959</v>
      </c>
      <c r="Z59" s="135"/>
      <c r="AA59" s="27"/>
      <c r="AB59" s="27"/>
      <c r="AC59" s="27"/>
      <c r="AD59" s="28"/>
      <c r="AE59" s="29"/>
      <c r="AF59" s="29"/>
      <c r="AG59" s="29"/>
      <c r="AH59" s="27"/>
      <c r="AI59" s="27"/>
      <c r="AJ59" s="27"/>
      <c r="AK59" s="27"/>
      <c r="AL59" s="28"/>
      <c r="AM59" s="29"/>
      <c r="AN59" s="29"/>
      <c r="AO59" s="30"/>
    </row>
    <row r="60" spans="1:41" s="46" customFormat="1" ht="9.75" customHeight="1">
      <c r="A60" s="57"/>
      <c r="B60" s="131"/>
      <c r="C60" s="33"/>
      <c r="D60" s="141"/>
      <c r="E60" s="176"/>
      <c r="F60" s="179"/>
      <c r="G60" s="33"/>
      <c r="H60" s="59"/>
      <c r="I60" s="33"/>
      <c r="J60" s="59"/>
      <c r="K60" s="132"/>
      <c r="L60" s="33"/>
      <c r="M60" s="133"/>
      <c r="N60" s="60"/>
      <c r="O60" s="61"/>
      <c r="P60" s="61"/>
      <c r="Q60" s="34"/>
      <c r="R60" s="33"/>
      <c r="S60" s="61"/>
      <c r="T60" s="134"/>
      <c r="U60" s="61"/>
      <c r="V60" s="59"/>
      <c r="W60" s="60"/>
      <c r="X60" s="60"/>
      <c r="Y60" s="60"/>
      <c r="Z60" s="135"/>
      <c r="AA60" s="27"/>
      <c r="AB60" s="27"/>
      <c r="AC60" s="27"/>
      <c r="AD60" s="28"/>
      <c r="AE60" s="29"/>
      <c r="AF60" s="29"/>
      <c r="AG60" s="29"/>
      <c r="AH60" s="27"/>
      <c r="AI60" s="27"/>
      <c r="AJ60" s="27"/>
      <c r="AK60" s="27"/>
      <c r="AL60" s="28"/>
      <c r="AM60" s="29"/>
      <c r="AN60" s="29"/>
      <c r="AO60" s="30"/>
    </row>
    <row r="61" spans="1:41" s="46" customFormat="1" ht="9.75" customHeight="1">
      <c r="A61" s="57"/>
      <c r="B61" s="131"/>
      <c r="C61" s="33"/>
      <c r="D61" s="131"/>
      <c r="E61" s="33"/>
      <c r="F61" s="34"/>
      <c r="G61" s="33"/>
      <c r="H61" s="59"/>
      <c r="I61" s="33"/>
      <c r="J61" s="59"/>
      <c r="K61" s="132"/>
      <c r="L61" s="33"/>
      <c r="M61" s="133"/>
      <c r="N61" s="60"/>
      <c r="O61" s="61"/>
      <c r="P61" s="185" t="s">
        <v>124</v>
      </c>
      <c r="Q61" s="178" t="s">
        <v>125</v>
      </c>
      <c r="R61" s="48"/>
      <c r="S61" s="52"/>
      <c r="T61" s="130"/>
      <c r="U61" s="52"/>
      <c r="V61" s="50"/>
      <c r="W61" s="51"/>
      <c r="X61" s="51"/>
      <c r="Y61" s="51"/>
      <c r="Z61" s="122" t="s">
        <v>3</v>
      </c>
      <c r="AA61" s="55"/>
      <c r="AB61" s="55"/>
      <c r="AC61" s="55"/>
      <c r="AD61" s="56"/>
      <c r="AE61" s="19"/>
      <c r="AF61" s="19"/>
      <c r="AG61" s="19"/>
      <c r="AH61" s="55"/>
      <c r="AI61" s="55"/>
      <c r="AJ61" s="55"/>
      <c r="AK61" s="55"/>
      <c r="AL61" s="56"/>
      <c r="AM61" s="19"/>
      <c r="AN61" s="19"/>
      <c r="AO61" s="26"/>
    </row>
    <row r="62" spans="1:41" s="46" customFormat="1" ht="9.75" customHeight="1">
      <c r="A62" s="57"/>
      <c r="B62" s="131"/>
      <c r="C62" s="33"/>
      <c r="D62" s="131"/>
      <c r="E62" s="33"/>
      <c r="F62" s="34"/>
      <c r="G62" s="33"/>
      <c r="H62" s="59"/>
      <c r="I62" s="33"/>
      <c r="J62" s="59"/>
      <c r="K62" s="132"/>
      <c r="L62" s="33"/>
      <c r="M62" s="133"/>
      <c r="N62" s="60"/>
      <c r="O62" s="61"/>
      <c r="P62" s="186"/>
      <c r="Q62" s="179"/>
      <c r="R62" s="33"/>
      <c r="S62" s="61" t="s">
        <v>957</v>
      </c>
      <c r="T62" s="134" t="s">
        <v>958</v>
      </c>
      <c r="U62" s="61"/>
      <c r="V62" s="59" t="s">
        <v>30</v>
      </c>
      <c r="W62" s="60" t="s">
        <v>30</v>
      </c>
      <c r="X62" s="60" t="s">
        <v>30</v>
      </c>
      <c r="Y62" s="60" t="s">
        <v>959</v>
      </c>
      <c r="Z62" s="135"/>
      <c r="AA62" s="27"/>
      <c r="AB62" s="27"/>
      <c r="AC62" s="27"/>
      <c r="AD62" s="28"/>
      <c r="AE62" s="29"/>
      <c r="AF62" s="29"/>
      <c r="AG62" s="29"/>
      <c r="AH62" s="27"/>
      <c r="AI62" s="27"/>
      <c r="AJ62" s="27"/>
      <c r="AK62" s="27"/>
      <c r="AL62" s="28"/>
      <c r="AM62" s="29"/>
      <c r="AN62" s="29"/>
      <c r="AO62" s="30"/>
    </row>
    <row r="63" spans="1:41" s="46" customFormat="1" ht="9.75" customHeight="1">
      <c r="A63" s="57"/>
      <c r="B63" s="131"/>
      <c r="C63" s="64"/>
      <c r="D63" s="136"/>
      <c r="E63" s="64"/>
      <c r="F63" s="77"/>
      <c r="G63" s="64"/>
      <c r="H63" s="66"/>
      <c r="I63" s="64"/>
      <c r="J63" s="66"/>
      <c r="K63" s="137"/>
      <c r="L63" s="64"/>
      <c r="M63" s="138"/>
      <c r="N63" s="67"/>
      <c r="O63" s="68"/>
      <c r="P63" s="187"/>
      <c r="Q63" s="180"/>
      <c r="R63" s="64"/>
      <c r="S63" s="68"/>
      <c r="T63" s="139"/>
      <c r="U63" s="68"/>
      <c r="V63" s="66"/>
      <c r="W63" s="67"/>
      <c r="X63" s="67"/>
      <c r="Y63" s="67"/>
      <c r="Z63" s="140"/>
      <c r="AA63" s="71"/>
      <c r="AB63" s="71"/>
      <c r="AC63" s="71"/>
      <c r="AD63" s="72"/>
      <c r="AE63" s="73"/>
      <c r="AF63" s="73"/>
      <c r="AG63" s="73"/>
      <c r="AH63" s="71"/>
      <c r="AI63" s="71"/>
      <c r="AJ63" s="71"/>
      <c r="AK63" s="71"/>
      <c r="AL63" s="72"/>
      <c r="AM63" s="73"/>
      <c r="AN63" s="73"/>
      <c r="AO63" s="74"/>
    </row>
    <row r="64" spans="1:41" s="46" customFormat="1" ht="9.75" customHeight="1">
      <c r="A64" s="57"/>
      <c r="B64" s="34"/>
      <c r="C64" s="175" t="s">
        <v>293</v>
      </c>
      <c r="D64" s="178" t="s">
        <v>118</v>
      </c>
      <c r="E64" s="48"/>
      <c r="F64" s="49"/>
      <c r="G64" s="48"/>
      <c r="H64" s="50"/>
      <c r="I64" s="48"/>
      <c r="J64" s="50"/>
      <c r="K64" s="128"/>
      <c r="L64" s="48"/>
      <c r="M64" s="129"/>
      <c r="N64" s="51"/>
      <c r="O64" s="52"/>
      <c r="P64" s="52"/>
      <c r="Q64" s="76"/>
      <c r="R64" s="48"/>
      <c r="S64" s="52"/>
      <c r="T64" s="130"/>
      <c r="U64" s="52"/>
      <c r="V64" s="50"/>
      <c r="W64" s="51"/>
      <c r="X64" s="51"/>
      <c r="Y64" s="51"/>
      <c r="Z64" s="122" t="s">
        <v>3</v>
      </c>
      <c r="AA64" s="55"/>
      <c r="AB64" s="55"/>
      <c r="AC64" s="55"/>
      <c r="AD64" s="56"/>
      <c r="AE64" s="19"/>
      <c r="AF64" s="19"/>
      <c r="AG64" s="19"/>
      <c r="AH64" s="55"/>
      <c r="AI64" s="55"/>
      <c r="AJ64" s="55"/>
      <c r="AK64" s="55"/>
      <c r="AL64" s="56"/>
      <c r="AM64" s="19"/>
      <c r="AN64" s="19"/>
      <c r="AO64" s="26"/>
    </row>
    <row r="65" spans="1:41" s="46" customFormat="1" ht="9.75" customHeight="1">
      <c r="A65" s="57"/>
      <c r="B65" s="141"/>
      <c r="C65" s="176"/>
      <c r="D65" s="179"/>
      <c r="E65" s="33"/>
      <c r="F65" s="34"/>
      <c r="G65" s="33"/>
      <c r="H65" s="59" t="s">
        <v>960</v>
      </c>
      <c r="I65" s="33"/>
      <c r="J65" s="59" t="s">
        <v>30</v>
      </c>
      <c r="K65" s="132" t="s">
        <v>30</v>
      </c>
      <c r="L65" s="33"/>
      <c r="M65" s="133" t="s">
        <v>30</v>
      </c>
      <c r="N65" s="60" t="s">
        <v>960</v>
      </c>
      <c r="O65" s="61"/>
      <c r="P65" s="61"/>
      <c r="Q65" s="58"/>
      <c r="R65" s="33"/>
      <c r="S65" s="61"/>
      <c r="T65" s="134" t="s">
        <v>961</v>
      </c>
      <c r="U65" s="61"/>
      <c r="V65" s="59" t="s">
        <v>30</v>
      </c>
      <c r="W65" s="60" t="s">
        <v>30</v>
      </c>
      <c r="X65" s="60" t="s">
        <v>30</v>
      </c>
      <c r="Y65" s="60" t="s">
        <v>962</v>
      </c>
      <c r="Z65" s="135"/>
      <c r="AA65" s="27"/>
      <c r="AB65" s="27"/>
      <c r="AC65" s="27"/>
      <c r="AD65" s="28"/>
      <c r="AE65" s="29"/>
      <c r="AF65" s="29"/>
      <c r="AG65" s="29"/>
      <c r="AH65" s="27"/>
      <c r="AI65" s="27"/>
      <c r="AJ65" s="27"/>
      <c r="AK65" s="27"/>
      <c r="AL65" s="28"/>
      <c r="AM65" s="29"/>
      <c r="AN65" s="29"/>
      <c r="AO65" s="30"/>
    </row>
    <row r="66" spans="1:41" s="46" customFormat="1" ht="9.75" customHeight="1">
      <c r="A66" s="57"/>
      <c r="B66" s="141"/>
      <c r="C66" s="176"/>
      <c r="D66" s="179"/>
      <c r="E66" s="33"/>
      <c r="F66" s="34"/>
      <c r="G66" s="33"/>
      <c r="H66" s="59"/>
      <c r="I66" s="33"/>
      <c r="J66" s="59"/>
      <c r="K66" s="132"/>
      <c r="L66" s="33"/>
      <c r="M66" s="133"/>
      <c r="N66" s="60"/>
      <c r="O66" s="61"/>
      <c r="P66" s="61"/>
      <c r="Q66" s="58"/>
      <c r="R66" s="33"/>
      <c r="S66" s="61"/>
      <c r="T66" s="134"/>
      <c r="U66" s="61"/>
      <c r="V66" s="59"/>
      <c r="W66" s="60"/>
      <c r="X66" s="60"/>
      <c r="Y66" s="60"/>
      <c r="Z66" s="135"/>
      <c r="AA66" s="27"/>
      <c r="AB66" s="27"/>
      <c r="AC66" s="27"/>
      <c r="AD66" s="28"/>
      <c r="AE66" s="29"/>
      <c r="AF66" s="29"/>
      <c r="AG66" s="29"/>
      <c r="AH66" s="27"/>
      <c r="AI66" s="27"/>
      <c r="AJ66" s="27"/>
      <c r="AK66" s="27"/>
      <c r="AL66" s="28"/>
      <c r="AM66" s="29"/>
      <c r="AN66" s="29"/>
      <c r="AO66" s="30"/>
    </row>
    <row r="67" spans="1:41" s="46" customFormat="1" ht="9.75" customHeight="1">
      <c r="A67" s="57"/>
      <c r="B67" s="131"/>
      <c r="C67" s="33"/>
      <c r="D67" s="34"/>
      <c r="E67" s="175" t="s">
        <v>21</v>
      </c>
      <c r="F67" s="178" t="s">
        <v>122</v>
      </c>
      <c r="G67" s="48"/>
      <c r="H67" s="50"/>
      <c r="I67" s="48"/>
      <c r="J67" s="50"/>
      <c r="K67" s="128"/>
      <c r="L67" s="48"/>
      <c r="M67" s="129"/>
      <c r="N67" s="51"/>
      <c r="O67" s="52"/>
      <c r="P67" s="52"/>
      <c r="Q67" s="76"/>
      <c r="R67" s="48"/>
      <c r="S67" s="52"/>
      <c r="T67" s="130"/>
      <c r="U67" s="52"/>
      <c r="V67" s="50"/>
      <c r="W67" s="51"/>
      <c r="X67" s="51"/>
      <c r="Y67" s="51"/>
      <c r="Z67" s="122" t="s">
        <v>3</v>
      </c>
      <c r="AA67" s="55"/>
      <c r="AB67" s="55"/>
      <c r="AC67" s="55"/>
      <c r="AD67" s="56"/>
      <c r="AE67" s="19"/>
      <c r="AF67" s="19"/>
      <c r="AG67" s="19"/>
      <c r="AH67" s="55"/>
      <c r="AI67" s="55"/>
      <c r="AJ67" s="55"/>
      <c r="AK67" s="55"/>
      <c r="AL67" s="56"/>
      <c r="AM67" s="19"/>
      <c r="AN67" s="19"/>
      <c r="AO67" s="26"/>
    </row>
    <row r="68" spans="1:41" s="46" customFormat="1" ht="9.75" customHeight="1">
      <c r="A68" s="57"/>
      <c r="B68" s="131"/>
      <c r="C68" s="33"/>
      <c r="D68" s="141"/>
      <c r="E68" s="176"/>
      <c r="F68" s="179"/>
      <c r="G68" s="33"/>
      <c r="H68" s="59" t="s">
        <v>963</v>
      </c>
      <c r="I68" s="33"/>
      <c r="J68" s="59" t="s">
        <v>30</v>
      </c>
      <c r="K68" s="132" t="s">
        <v>30</v>
      </c>
      <c r="L68" s="33"/>
      <c r="M68" s="133" t="s">
        <v>30</v>
      </c>
      <c r="N68" s="60" t="s">
        <v>963</v>
      </c>
      <c r="O68" s="61"/>
      <c r="P68" s="61"/>
      <c r="Q68" s="34"/>
      <c r="R68" s="33"/>
      <c r="S68" s="61"/>
      <c r="T68" s="134" t="s">
        <v>964</v>
      </c>
      <c r="U68" s="61"/>
      <c r="V68" s="59" t="s">
        <v>30</v>
      </c>
      <c r="W68" s="60" t="s">
        <v>30</v>
      </c>
      <c r="X68" s="60" t="s">
        <v>30</v>
      </c>
      <c r="Y68" s="60" t="s">
        <v>965</v>
      </c>
      <c r="Z68" s="135"/>
      <c r="AA68" s="27"/>
      <c r="AB68" s="27"/>
      <c r="AC68" s="27"/>
      <c r="AD68" s="28"/>
      <c r="AE68" s="29"/>
      <c r="AF68" s="29"/>
      <c r="AG68" s="29"/>
      <c r="AH68" s="27"/>
      <c r="AI68" s="27"/>
      <c r="AJ68" s="27"/>
      <c r="AK68" s="27"/>
      <c r="AL68" s="28"/>
      <c r="AM68" s="29"/>
      <c r="AN68" s="29"/>
      <c r="AO68" s="30"/>
    </row>
    <row r="69" spans="1:41" s="46" customFormat="1" ht="9.75" customHeight="1">
      <c r="A69" s="57"/>
      <c r="B69" s="131"/>
      <c r="C69" s="33"/>
      <c r="D69" s="141"/>
      <c r="E69" s="176"/>
      <c r="F69" s="179"/>
      <c r="G69" s="33"/>
      <c r="H69" s="59"/>
      <c r="I69" s="33"/>
      <c r="J69" s="59"/>
      <c r="K69" s="132"/>
      <c r="L69" s="33"/>
      <c r="M69" s="133"/>
      <c r="N69" s="60"/>
      <c r="O69" s="61"/>
      <c r="P69" s="61"/>
      <c r="Q69" s="34"/>
      <c r="R69" s="33"/>
      <c r="S69" s="61"/>
      <c r="T69" s="134"/>
      <c r="U69" s="61"/>
      <c r="V69" s="59"/>
      <c r="W69" s="60"/>
      <c r="X69" s="60"/>
      <c r="Y69" s="60"/>
      <c r="Z69" s="135"/>
      <c r="AA69" s="27"/>
      <c r="AB69" s="27"/>
      <c r="AC69" s="27"/>
      <c r="AD69" s="28"/>
      <c r="AE69" s="29"/>
      <c r="AF69" s="29"/>
      <c r="AG69" s="29"/>
      <c r="AH69" s="27"/>
      <c r="AI69" s="27"/>
      <c r="AJ69" s="27"/>
      <c r="AK69" s="27"/>
      <c r="AL69" s="28"/>
      <c r="AM69" s="29"/>
      <c r="AN69" s="29"/>
      <c r="AO69" s="30"/>
    </row>
    <row r="70" spans="1:41" s="46" customFormat="1" ht="9.75" customHeight="1">
      <c r="A70" s="57"/>
      <c r="B70" s="131"/>
      <c r="C70" s="33"/>
      <c r="D70" s="131"/>
      <c r="E70" s="33"/>
      <c r="F70" s="34"/>
      <c r="G70" s="33"/>
      <c r="H70" s="59"/>
      <c r="I70" s="33"/>
      <c r="J70" s="59"/>
      <c r="K70" s="132"/>
      <c r="L70" s="33"/>
      <c r="M70" s="133"/>
      <c r="N70" s="60"/>
      <c r="O70" s="61"/>
      <c r="P70" s="185" t="s">
        <v>145</v>
      </c>
      <c r="Q70" s="188" t="s">
        <v>146</v>
      </c>
      <c r="R70" s="48"/>
      <c r="S70" s="52"/>
      <c r="T70" s="130"/>
      <c r="U70" s="52"/>
      <c r="V70" s="50"/>
      <c r="W70" s="51"/>
      <c r="X70" s="51"/>
      <c r="Y70" s="51"/>
      <c r="Z70" s="122" t="s">
        <v>3</v>
      </c>
      <c r="AA70" s="55"/>
      <c r="AB70" s="55"/>
      <c r="AC70" s="55"/>
      <c r="AD70" s="56"/>
      <c r="AE70" s="19"/>
      <c r="AF70" s="19"/>
      <c r="AG70" s="19"/>
      <c r="AH70" s="55"/>
      <c r="AI70" s="55"/>
      <c r="AJ70" s="55"/>
      <c r="AK70" s="55"/>
      <c r="AL70" s="56"/>
      <c r="AM70" s="19"/>
      <c r="AN70" s="19"/>
      <c r="AO70" s="26"/>
    </row>
    <row r="71" spans="1:41" s="46" customFormat="1" ht="9.75" customHeight="1">
      <c r="A71" s="57"/>
      <c r="B71" s="131"/>
      <c r="C71" s="33"/>
      <c r="D71" s="131"/>
      <c r="E71" s="33"/>
      <c r="F71" s="34"/>
      <c r="G71" s="33"/>
      <c r="H71" s="59"/>
      <c r="I71" s="33"/>
      <c r="J71" s="59"/>
      <c r="K71" s="132"/>
      <c r="L71" s="33"/>
      <c r="M71" s="133"/>
      <c r="N71" s="60"/>
      <c r="O71" s="61"/>
      <c r="P71" s="186"/>
      <c r="Q71" s="179"/>
      <c r="R71" s="33"/>
      <c r="S71" s="61" t="s">
        <v>963</v>
      </c>
      <c r="T71" s="134" t="s">
        <v>964</v>
      </c>
      <c r="U71" s="61"/>
      <c r="V71" s="59" t="s">
        <v>30</v>
      </c>
      <c r="W71" s="60" t="s">
        <v>30</v>
      </c>
      <c r="X71" s="60" t="s">
        <v>30</v>
      </c>
      <c r="Y71" s="60" t="s">
        <v>965</v>
      </c>
      <c r="Z71" s="135"/>
      <c r="AA71" s="27"/>
      <c r="AB71" s="27"/>
      <c r="AC71" s="27"/>
      <c r="AD71" s="28"/>
      <c r="AE71" s="29"/>
      <c r="AF71" s="29"/>
      <c r="AG71" s="29"/>
      <c r="AH71" s="27"/>
      <c r="AI71" s="27"/>
      <c r="AJ71" s="27"/>
      <c r="AK71" s="27"/>
      <c r="AL71" s="28"/>
      <c r="AM71" s="29"/>
      <c r="AN71" s="29"/>
      <c r="AO71" s="30"/>
    </row>
    <row r="72" spans="1:41" s="46" customFormat="1" ht="9.75" customHeight="1">
      <c r="A72" s="57"/>
      <c r="B72" s="131"/>
      <c r="C72" s="33"/>
      <c r="D72" s="131"/>
      <c r="E72" s="33"/>
      <c r="F72" s="34"/>
      <c r="G72" s="33"/>
      <c r="H72" s="59"/>
      <c r="I72" s="33"/>
      <c r="J72" s="59"/>
      <c r="K72" s="132"/>
      <c r="L72" s="33"/>
      <c r="M72" s="133"/>
      <c r="N72" s="60"/>
      <c r="O72" s="61"/>
      <c r="P72" s="187"/>
      <c r="Q72" s="180"/>
      <c r="R72" s="33"/>
      <c r="S72" s="61"/>
      <c r="T72" s="134"/>
      <c r="U72" s="61"/>
      <c r="V72" s="59"/>
      <c r="W72" s="60"/>
      <c r="X72" s="60"/>
      <c r="Y72" s="60"/>
      <c r="Z72" s="135"/>
      <c r="AA72" s="27"/>
      <c r="AB72" s="27"/>
      <c r="AC72" s="27"/>
      <c r="AD72" s="28"/>
      <c r="AE72" s="29"/>
      <c r="AF72" s="29"/>
      <c r="AG72" s="29"/>
      <c r="AH72" s="27"/>
      <c r="AI72" s="27"/>
      <c r="AJ72" s="27"/>
      <c r="AK72" s="27"/>
      <c r="AL72" s="28"/>
      <c r="AM72" s="29"/>
      <c r="AN72" s="29"/>
      <c r="AO72" s="30"/>
    </row>
    <row r="73" spans="1:41" s="46" customFormat="1" ht="9.75" customHeight="1">
      <c r="A73" s="57"/>
      <c r="B73" s="141"/>
      <c r="C73" s="33"/>
      <c r="D73" s="34"/>
      <c r="E73" s="175" t="s">
        <v>36</v>
      </c>
      <c r="F73" s="178" t="s">
        <v>147</v>
      </c>
      <c r="G73" s="48"/>
      <c r="H73" s="50"/>
      <c r="I73" s="48"/>
      <c r="J73" s="50"/>
      <c r="K73" s="128"/>
      <c r="L73" s="48"/>
      <c r="M73" s="129"/>
      <c r="N73" s="51"/>
      <c r="O73" s="52"/>
      <c r="P73" s="52"/>
      <c r="Q73" s="76"/>
      <c r="R73" s="48"/>
      <c r="S73" s="52"/>
      <c r="T73" s="130"/>
      <c r="U73" s="52"/>
      <c r="V73" s="50"/>
      <c r="W73" s="51"/>
      <c r="X73" s="51"/>
      <c r="Y73" s="51"/>
      <c r="Z73" s="122" t="s">
        <v>3</v>
      </c>
      <c r="AA73" s="55"/>
      <c r="AB73" s="55"/>
      <c r="AC73" s="55"/>
      <c r="AD73" s="56"/>
      <c r="AE73" s="19"/>
      <c r="AF73" s="19"/>
      <c r="AG73" s="19"/>
      <c r="AH73" s="55"/>
      <c r="AI73" s="55"/>
      <c r="AJ73" s="55"/>
      <c r="AK73" s="55"/>
      <c r="AL73" s="56"/>
      <c r="AM73" s="19"/>
      <c r="AN73" s="19"/>
      <c r="AO73" s="26"/>
    </row>
    <row r="74" spans="1:41" s="46" customFormat="1" ht="9.75" customHeight="1">
      <c r="A74" s="57"/>
      <c r="B74" s="141"/>
      <c r="C74" s="33"/>
      <c r="D74" s="141"/>
      <c r="E74" s="176"/>
      <c r="F74" s="179"/>
      <c r="G74" s="33"/>
      <c r="H74" s="59" t="s">
        <v>966</v>
      </c>
      <c r="I74" s="33"/>
      <c r="J74" s="59" t="s">
        <v>30</v>
      </c>
      <c r="K74" s="132" t="s">
        <v>30</v>
      </c>
      <c r="L74" s="33"/>
      <c r="M74" s="133" t="s">
        <v>30</v>
      </c>
      <c r="N74" s="60" t="s">
        <v>966</v>
      </c>
      <c r="O74" s="61"/>
      <c r="P74" s="61"/>
      <c r="Q74" s="58"/>
      <c r="R74" s="33"/>
      <c r="S74" s="61"/>
      <c r="T74" s="134" t="s">
        <v>967</v>
      </c>
      <c r="U74" s="61"/>
      <c r="V74" s="59" t="s">
        <v>30</v>
      </c>
      <c r="W74" s="60" t="s">
        <v>30</v>
      </c>
      <c r="X74" s="60" t="s">
        <v>30</v>
      </c>
      <c r="Y74" s="60" t="s">
        <v>968</v>
      </c>
      <c r="Z74" s="135"/>
      <c r="AA74" s="27"/>
      <c r="AB74" s="27"/>
      <c r="AC74" s="27"/>
      <c r="AD74" s="28"/>
      <c r="AE74" s="29"/>
      <c r="AF74" s="29"/>
      <c r="AG74" s="29"/>
      <c r="AH74" s="27"/>
      <c r="AI74" s="27"/>
      <c r="AJ74" s="27"/>
      <c r="AK74" s="27"/>
      <c r="AL74" s="28"/>
      <c r="AM74" s="29"/>
      <c r="AN74" s="29"/>
      <c r="AO74" s="30"/>
    </row>
    <row r="75" spans="1:41" s="46" customFormat="1" ht="9.75" customHeight="1">
      <c r="A75" s="57"/>
      <c r="B75" s="141"/>
      <c r="C75" s="33"/>
      <c r="D75" s="141"/>
      <c r="E75" s="176"/>
      <c r="F75" s="179"/>
      <c r="G75" s="33"/>
      <c r="H75" s="59"/>
      <c r="I75" s="33"/>
      <c r="J75" s="59"/>
      <c r="K75" s="132"/>
      <c r="L75" s="33"/>
      <c r="M75" s="133"/>
      <c r="N75" s="60"/>
      <c r="O75" s="61"/>
      <c r="P75" s="61"/>
      <c r="Q75" s="58"/>
      <c r="R75" s="33"/>
      <c r="S75" s="61"/>
      <c r="T75" s="134"/>
      <c r="U75" s="61"/>
      <c r="V75" s="59"/>
      <c r="W75" s="60"/>
      <c r="X75" s="60"/>
      <c r="Y75" s="60"/>
      <c r="Z75" s="135"/>
      <c r="AA75" s="27"/>
      <c r="AB75" s="27"/>
      <c r="AC75" s="27"/>
      <c r="AD75" s="28"/>
      <c r="AE75" s="29"/>
      <c r="AF75" s="29"/>
      <c r="AG75" s="29"/>
      <c r="AH75" s="27"/>
      <c r="AI75" s="27"/>
      <c r="AJ75" s="27"/>
      <c r="AK75" s="27"/>
      <c r="AL75" s="28"/>
      <c r="AM75" s="29"/>
      <c r="AN75" s="29"/>
      <c r="AO75" s="30"/>
    </row>
    <row r="76" spans="1:41" s="46" customFormat="1" ht="9.75" customHeight="1">
      <c r="A76" s="57"/>
      <c r="B76" s="131"/>
      <c r="C76" s="33"/>
      <c r="D76" s="141"/>
      <c r="E76" s="33"/>
      <c r="F76" s="34"/>
      <c r="G76" s="33"/>
      <c r="H76" s="59"/>
      <c r="I76" s="33"/>
      <c r="J76" s="59"/>
      <c r="K76" s="132"/>
      <c r="L76" s="33"/>
      <c r="M76" s="133"/>
      <c r="N76" s="60"/>
      <c r="O76" s="61"/>
      <c r="P76" s="185" t="s">
        <v>145</v>
      </c>
      <c r="Q76" s="188" t="s">
        <v>146</v>
      </c>
      <c r="R76" s="48"/>
      <c r="S76" s="52"/>
      <c r="T76" s="130"/>
      <c r="U76" s="52"/>
      <c r="V76" s="50"/>
      <c r="W76" s="51"/>
      <c r="X76" s="51"/>
      <c r="Y76" s="51"/>
      <c r="Z76" s="122" t="s">
        <v>3</v>
      </c>
      <c r="AA76" s="55"/>
      <c r="AB76" s="55"/>
      <c r="AC76" s="55"/>
      <c r="AD76" s="56"/>
      <c r="AE76" s="19"/>
      <c r="AF76" s="19"/>
      <c r="AG76" s="19"/>
      <c r="AH76" s="55"/>
      <c r="AI76" s="55"/>
      <c r="AJ76" s="55"/>
      <c r="AK76" s="55"/>
      <c r="AL76" s="56"/>
      <c r="AM76" s="19"/>
      <c r="AN76" s="19"/>
      <c r="AO76" s="26"/>
    </row>
    <row r="77" spans="1:41" s="46" customFormat="1" ht="9.75" customHeight="1">
      <c r="A77" s="57"/>
      <c r="B77" s="131"/>
      <c r="C77" s="33"/>
      <c r="D77" s="141"/>
      <c r="E77" s="33"/>
      <c r="F77" s="34"/>
      <c r="G77" s="33"/>
      <c r="H77" s="59"/>
      <c r="I77" s="33"/>
      <c r="J77" s="59"/>
      <c r="K77" s="132"/>
      <c r="L77" s="33"/>
      <c r="M77" s="133"/>
      <c r="N77" s="60"/>
      <c r="O77" s="61"/>
      <c r="P77" s="186"/>
      <c r="Q77" s="179"/>
      <c r="R77" s="33"/>
      <c r="S77" s="61" t="s">
        <v>966</v>
      </c>
      <c r="T77" s="134" t="s">
        <v>967</v>
      </c>
      <c r="U77" s="61"/>
      <c r="V77" s="59" t="s">
        <v>30</v>
      </c>
      <c r="W77" s="60" t="s">
        <v>30</v>
      </c>
      <c r="X77" s="60" t="s">
        <v>30</v>
      </c>
      <c r="Y77" s="60" t="s">
        <v>968</v>
      </c>
      <c r="Z77" s="135"/>
      <c r="AA77" s="27"/>
      <c r="AB77" s="27"/>
      <c r="AC77" s="27"/>
      <c r="AD77" s="28"/>
      <c r="AE77" s="29"/>
      <c r="AF77" s="29"/>
      <c r="AG77" s="29"/>
      <c r="AH77" s="27"/>
      <c r="AI77" s="27"/>
      <c r="AJ77" s="27"/>
      <c r="AK77" s="27"/>
      <c r="AL77" s="28"/>
      <c r="AM77" s="29"/>
      <c r="AN77" s="29"/>
      <c r="AO77" s="30"/>
    </row>
    <row r="78" spans="1:41" s="46" customFormat="1" ht="9.75" customHeight="1">
      <c r="A78" s="57"/>
      <c r="B78" s="131"/>
      <c r="C78" s="33"/>
      <c r="D78" s="141"/>
      <c r="E78" s="33"/>
      <c r="F78" s="34"/>
      <c r="G78" s="33"/>
      <c r="H78" s="59"/>
      <c r="I78" s="33"/>
      <c r="J78" s="59"/>
      <c r="K78" s="132"/>
      <c r="L78" s="33"/>
      <c r="M78" s="133"/>
      <c r="N78" s="60"/>
      <c r="O78" s="61"/>
      <c r="P78" s="187"/>
      <c r="Q78" s="180"/>
      <c r="R78" s="33"/>
      <c r="S78" s="61"/>
      <c r="T78" s="134"/>
      <c r="U78" s="61"/>
      <c r="V78" s="59"/>
      <c r="W78" s="60"/>
      <c r="X78" s="60"/>
      <c r="Y78" s="60"/>
      <c r="Z78" s="135"/>
      <c r="AA78" s="27"/>
      <c r="AB78" s="27"/>
      <c r="AC78" s="27"/>
      <c r="AD78" s="28"/>
      <c r="AE78" s="29"/>
      <c r="AF78" s="29"/>
      <c r="AG78" s="29"/>
      <c r="AH78" s="27"/>
      <c r="AI78" s="27"/>
      <c r="AJ78" s="27"/>
      <c r="AK78" s="27"/>
      <c r="AL78" s="28"/>
      <c r="AM78" s="29"/>
      <c r="AN78" s="29"/>
      <c r="AO78" s="30"/>
    </row>
    <row r="79" spans="1:41" s="46" customFormat="1" ht="9.75" customHeight="1">
      <c r="A79" s="80"/>
      <c r="B79" s="142"/>
      <c r="C79" s="52"/>
      <c r="D79" s="142"/>
      <c r="E79" s="52"/>
      <c r="F79" s="76"/>
      <c r="G79" s="82"/>
      <c r="H79" s="83"/>
      <c r="I79" s="82"/>
      <c r="J79" s="83"/>
      <c r="K79" s="143"/>
      <c r="L79" s="82"/>
      <c r="M79" s="144"/>
      <c r="N79" s="84"/>
      <c r="O79" s="85"/>
      <c r="P79" s="85"/>
      <c r="Q79" s="86"/>
      <c r="R79" s="82"/>
      <c r="S79" s="85"/>
      <c r="T79" s="145"/>
      <c r="U79" s="85"/>
      <c r="V79" s="83"/>
      <c r="W79" s="84"/>
      <c r="X79" s="84"/>
      <c r="Y79" s="84"/>
      <c r="Z79" s="146" t="s">
        <v>3</v>
      </c>
      <c r="AA79" s="89"/>
      <c r="AB79" s="89"/>
      <c r="AC79" s="89"/>
      <c r="AD79" s="90"/>
      <c r="AE79" s="91"/>
      <c r="AF79" s="91"/>
      <c r="AG79" s="91"/>
      <c r="AH79" s="89"/>
      <c r="AI79" s="89"/>
      <c r="AJ79" s="89"/>
      <c r="AK79" s="89"/>
      <c r="AL79" s="90"/>
      <c r="AM79" s="91"/>
      <c r="AN79" s="91"/>
      <c r="AO79" s="92"/>
    </row>
    <row r="80" spans="1:41" s="46" customFormat="1" ht="9.75" customHeight="1">
      <c r="A80" s="181" t="s">
        <v>129</v>
      </c>
      <c r="B80" s="182"/>
      <c r="C80" s="183"/>
      <c r="D80" s="183"/>
      <c r="E80" s="183"/>
      <c r="F80" s="184"/>
      <c r="G80" s="230" t="s">
        <v>889</v>
      </c>
      <c r="H80" s="231"/>
      <c r="I80" s="35"/>
      <c r="J80" s="36" t="s">
        <v>30</v>
      </c>
      <c r="K80" s="37" t="s">
        <v>30</v>
      </c>
      <c r="L80" s="35"/>
      <c r="M80" s="36" t="s">
        <v>30</v>
      </c>
      <c r="N80" s="124" t="s">
        <v>889</v>
      </c>
      <c r="O80" s="147"/>
      <c r="P80" s="38"/>
      <c r="Q80" s="39"/>
      <c r="R80" s="35"/>
      <c r="S80" s="38"/>
      <c r="T80" s="148" t="s">
        <v>930</v>
      </c>
      <c r="U80" s="38"/>
      <c r="V80" s="36" t="s">
        <v>30</v>
      </c>
      <c r="W80" s="37" t="s">
        <v>30</v>
      </c>
      <c r="X80" s="36" t="s">
        <v>30</v>
      </c>
      <c r="Y80" s="37" t="s">
        <v>931</v>
      </c>
      <c r="Z80" s="149"/>
      <c r="AA80" s="43"/>
      <c r="AB80" s="43"/>
      <c r="AC80" s="43"/>
      <c r="AD80" s="43"/>
      <c r="AE80" s="44"/>
      <c r="AF80" s="44"/>
      <c r="AG80" s="44"/>
      <c r="AH80" s="42"/>
      <c r="AI80" s="42"/>
      <c r="AJ80" s="42"/>
      <c r="AK80" s="42"/>
      <c r="AL80" s="43"/>
      <c r="AM80" s="43"/>
      <c r="AN80" s="43"/>
      <c r="AO80" s="45"/>
    </row>
    <row r="81" spans="1:41" s="46" customFormat="1" ht="9.75" customHeight="1">
      <c r="A81" s="93"/>
      <c r="B81" s="150"/>
      <c r="C81" s="98"/>
      <c r="D81" s="150"/>
      <c r="E81" s="98"/>
      <c r="F81" s="99"/>
      <c r="G81" s="95"/>
      <c r="H81" s="96"/>
      <c r="I81" s="95"/>
      <c r="J81" s="96"/>
      <c r="K81" s="151"/>
      <c r="L81" s="95"/>
      <c r="M81" s="152"/>
      <c r="N81" s="97"/>
      <c r="O81" s="98"/>
      <c r="P81" s="98"/>
      <c r="Q81" s="99"/>
      <c r="R81" s="95"/>
      <c r="S81" s="98"/>
      <c r="T81" s="153"/>
      <c r="U81" s="98"/>
      <c r="V81" s="96"/>
      <c r="W81" s="97"/>
      <c r="X81" s="97"/>
      <c r="Y81" s="97"/>
      <c r="Z81" s="154"/>
      <c r="AA81" s="102"/>
      <c r="AB81" s="102"/>
      <c r="AC81" s="102"/>
      <c r="AD81" s="103"/>
      <c r="AE81" s="104"/>
      <c r="AF81" s="104"/>
      <c r="AG81" s="104"/>
      <c r="AH81" s="102"/>
      <c r="AI81" s="102"/>
      <c r="AJ81" s="102"/>
      <c r="AK81" s="102"/>
      <c r="AL81" s="103"/>
      <c r="AM81" s="104"/>
      <c r="AN81" s="104"/>
      <c r="AO81" s="155"/>
    </row>
    <row r="82" spans="1:41" ht="9.75" customHeight="1">
      <c r="A82" s="105"/>
      <c r="B82" s="106"/>
      <c r="C82" s="106"/>
      <c r="D82" s="106"/>
      <c r="E82" s="106"/>
      <c r="F82" s="106"/>
      <c r="G82" s="106"/>
      <c r="H82" s="106"/>
      <c r="I82" s="106"/>
      <c r="J82" s="106"/>
      <c r="K82" s="106"/>
      <c r="L82" s="106"/>
      <c r="M82" s="106"/>
      <c r="N82" s="106"/>
      <c r="O82" s="106"/>
      <c r="P82" s="106"/>
      <c r="Q82" s="106"/>
      <c r="R82" s="106"/>
      <c r="S82" s="106"/>
      <c r="T82" s="106"/>
      <c r="U82" s="106"/>
      <c r="V82" s="106"/>
      <c r="W82" s="106"/>
      <c r="X82" s="106"/>
      <c r="Y82" s="106"/>
      <c r="Z82" s="107"/>
      <c r="AA82" s="107"/>
      <c r="AB82" s="107"/>
      <c r="AC82" s="107"/>
      <c r="AD82" s="107"/>
      <c r="AE82" s="107"/>
      <c r="AF82" s="107"/>
      <c r="AG82" s="107"/>
      <c r="AH82" s="107"/>
      <c r="AI82" s="107"/>
      <c r="AJ82" s="107"/>
      <c r="AK82" s="107"/>
      <c r="AL82" s="107"/>
      <c r="AM82" s="107"/>
      <c r="AN82" s="107"/>
      <c r="AO82" s="108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69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E22:E24"/>
    <mergeCell ref="F22:F24"/>
    <mergeCell ref="P25:P27"/>
    <mergeCell ref="Q25:Q27"/>
    <mergeCell ref="C28:C30"/>
    <mergeCell ref="D28:D30"/>
    <mergeCell ref="E31:E33"/>
    <mergeCell ref="F31:F33"/>
    <mergeCell ref="P34:P36"/>
    <mergeCell ref="Q34:Q36"/>
    <mergeCell ref="C37:C39"/>
    <mergeCell ref="D37:D39"/>
    <mergeCell ref="E40:E42"/>
    <mergeCell ref="F40:F42"/>
    <mergeCell ref="P43:P45"/>
    <mergeCell ref="Q43:Q45"/>
    <mergeCell ref="P46:P48"/>
    <mergeCell ref="Q46:Q48"/>
    <mergeCell ref="E49:E51"/>
    <mergeCell ref="F49:F51"/>
    <mergeCell ref="P52:P54"/>
    <mergeCell ref="Q52:Q54"/>
    <mergeCell ref="C55:C57"/>
    <mergeCell ref="D55:D57"/>
    <mergeCell ref="E58:E60"/>
    <mergeCell ref="F58:F60"/>
    <mergeCell ref="P61:P63"/>
    <mergeCell ref="Q61:Q63"/>
    <mergeCell ref="C64:C66"/>
    <mergeCell ref="D64:D66"/>
    <mergeCell ref="E67:E69"/>
    <mergeCell ref="F67:F69"/>
    <mergeCell ref="A80:F80"/>
    <mergeCell ref="G80:H80"/>
    <mergeCell ref="P70:P72"/>
    <mergeCell ref="Q70:Q72"/>
    <mergeCell ref="E73:E75"/>
    <mergeCell ref="F73:F75"/>
    <mergeCell ref="P76:P78"/>
    <mergeCell ref="Q76:Q78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1" spans="1:41" ht="9.75" customHeight="1">
      <c r="AN1" s="110"/>
    </row>
    <row r="2" spans="1:41" s="3" customFormat="1" ht="22.5" customHeight="1">
      <c r="A2" s="221" t="s">
        <v>969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970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17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173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7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74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74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74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74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74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28"/>
      <c r="AO10" s="31"/>
    </row>
    <row r="11" spans="1:41" s="46" customFormat="1" ht="9.75" customHeight="1">
      <c r="A11" s="192" t="s">
        <v>21</v>
      </c>
      <c r="B11" s="194" t="s">
        <v>971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2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 t="s">
        <v>972</v>
      </c>
      <c r="AN11" s="171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973</v>
      </c>
      <c r="I12" s="35" t="s">
        <v>133</v>
      </c>
      <c r="J12" s="36" t="s">
        <v>974</v>
      </c>
      <c r="K12" s="37" t="s">
        <v>975</v>
      </c>
      <c r="L12" s="37" t="s">
        <v>976</v>
      </c>
      <c r="M12" s="38"/>
      <c r="N12" s="38"/>
      <c r="O12" s="39"/>
      <c r="P12" s="35"/>
      <c r="Q12" s="36"/>
      <c r="R12" s="35" t="s">
        <v>977</v>
      </c>
      <c r="S12" s="40"/>
      <c r="T12" s="41" t="s">
        <v>978</v>
      </c>
      <c r="U12" s="36" t="s">
        <v>979</v>
      </c>
      <c r="V12" s="35"/>
      <c r="W12" s="36" t="s">
        <v>98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  <c r="AN12" s="171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  <c r="AN13" s="171"/>
    </row>
    <row r="14" spans="1:41" s="46" customFormat="1" ht="9.75" customHeight="1">
      <c r="A14" s="47"/>
      <c r="B14" s="39"/>
      <c r="C14" s="175" t="s">
        <v>21</v>
      </c>
      <c r="D14" s="178" t="s">
        <v>981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  <c r="AN14" s="171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982</v>
      </c>
      <c r="I15" s="33" t="s">
        <v>133</v>
      </c>
      <c r="J15" s="59" t="s">
        <v>983</v>
      </c>
      <c r="K15" s="60" t="s">
        <v>30</v>
      </c>
      <c r="L15" s="60" t="s">
        <v>984</v>
      </c>
      <c r="M15" s="61"/>
      <c r="N15" s="61"/>
      <c r="O15" s="34"/>
      <c r="P15" s="33"/>
      <c r="Q15" s="59"/>
      <c r="R15" s="33" t="s">
        <v>985</v>
      </c>
      <c r="S15" s="62"/>
      <c r="T15" s="63" t="s">
        <v>986</v>
      </c>
      <c r="U15" s="59" t="s">
        <v>987</v>
      </c>
      <c r="V15" s="33"/>
      <c r="W15" s="59" t="s">
        <v>988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  <c r="AN15" s="171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  <c r="AN16" s="171"/>
    </row>
    <row r="17" spans="1:40" s="46" customFormat="1" ht="9.75" customHeight="1">
      <c r="A17" s="57"/>
      <c r="B17" s="58"/>
      <c r="C17" s="33"/>
      <c r="D17" s="58"/>
      <c r="E17" s="175" t="s">
        <v>21</v>
      </c>
      <c r="F17" s="178" t="s">
        <v>989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  <c r="AN17" s="171"/>
    </row>
    <row r="18" spans="1:40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982</v>
      </c>
      <c r="I18" s="33" t="s">
        <v>133</v>
      </c>
      <c r="J18" s="59" t="s">
        <v>983</v>
      </c>
      <c r="K18" s="60" t="s">
        <v>30</v>
      </c>
      <c r="L18" s="60" t="s">
        <v>984</v>
      </c>
      <c r="M18" s="61"/>
      <c r="N18" s="61"/>
      <c r="O18" s="34"/>
      <c r="P18" s="33"/>
      <c r="Q18" s="59"/>
      <c r="R18" s="33" t="s">
        <v>990</v>
      </c>
      <c r="S18" s="62"/>
      <c r="T18" s="63" t="s">
        <v>991</v>
      </c>
      <c r="U18" s="59" t="s">
        <v>987</v>
      </c>
      <c r="V18" s="33"/>
      <c r="W18" s="59" t="s">
        <v>988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  <c r="AN18" s="171"/>
    </row>
    <row r="19" spans="1:40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  <c r="AN19" s="171"/>
    </row>
    <row r="20" spans="1:40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78" t="s">
        <v>989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  <c r="AN20" s="171"/>
    </row>
    <row r="21" spans="1:40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984</v>
      </c>
      <c r="R21" s="33" t="s">
        <v>990</v>
      </c>
      <c r="S21" s="62"/>
      <c r="T21" s="63" t="s">
        <v>991</v>
      </c>
      <c r="U21" s="59" t="s">
        <v>987</v>
      </c>
      <c r="V21" s="33"/>
      <c r="W21" s="59" t="s">
        <v>988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  <c r="AN21" s="171"/>
    </row>
    <row r="22" spans="1:40" s="46" customFormat="1" ht="9.75" customHeight="1">
      <c r="A22" s="57"/>
      <c r="B22" s="58"/>
      <c r="C22" s="33"/>
      <c r="D22" s="58"/>
      <c r="E22" s="33"/>
      <c r="F22" s="58"/>
      <c r="G22" s="33"/>
      <c r="H22" s="59"/>
      <c r="I22" s="33"/>
      <c r="J22" s="59"/>
      <c r="K22" s="60"/>
      <c r="L22" s="60"/>
      <c r="M22" s="61"/>
      <c r="N22" s="187"/>
      <c r="O22" s="180"/>
      <c r="P22" s="33"/>
      <c r="Q22" s="59"/>
      <c r="R22" s="33"/>
      <c r="S22" s="62"/>
      <c r="T22" s="63"/>
      <c r="U22" s="59"/>
      <c r="V22" s="33"/>
      <c r="W22" s="59"/>
      <c r="X22" s="27"/>
      <c r="Y22" s="27"/>
      <c r="Z22" s="27"/>
      <c r="AA22" s="27"/>
      <c r="AB22" s="28"/>
      <c r="AC22" s="28"/>
      <c r="AD22" s="28"/>
      <c r="AE22" s="28"/>
      <c r="AF22" s="28"/>
      <c r="AG22" s="28"/>
      <c r="AH22" s="28"/>
      <c r="AI22" s="28"/>
      <c r="AJ22" s="28"/>
      <c r="AK22" s="29"/>
      <c r="AL22" s="29"/>
      <c r="AM22" s="30"/>
      <c r="AN22" s="171"/>
    </row>
    <row r="23" spans="1:40" s="46" customFormat="1" ht="9.75" customHeight="1">
      <c r="A23" s="47"/>
      <c r="B23" s="75"/>
      <c r="C23" s="33"/>
      <c r="D23" s="34"/>
      <c r="E23" s="175" t="s">
        <v>36</v>
      </c>
      <c r="F23" s="188" t="s">
        <v>992</v>
      </c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  <c r="AN23" s="171"/>
    </row>
    <row r="24" spans="1:40" s="46" customFormat="1" ht="9.75" customHeight="1">
      <c r="A24" s="47"/>
      <c r="B24" s="75"/>
      <c r="C24" s="33"/>
      <c r="D24" s="34"/>
      <c r="E24" s="176"/>
      <c r="F24" s="179"/>
      <c r="G24" s="33"/>
      <c r="H24" s="59" t="s">
        <v>30</v>
      </c>
      <c r="I24" s="33"/>
      <c r="J24" s="59" t="s">
        <v>30</v>
      </c>
      <c r="K24" s="60" t="s">
        <v>30</v>
      </c>
      <c r="L24" s="60" t="s">
        <v>30</v>
      </c>
      <c r="M24" s="61"/>
      <c r="N24" s="61"/>
      <c r="O24" s="58"/>
      <c r="P24" s="33"/>
      <c r="Q24" s="59"/>
      <c r="R24" s="33" t="s">
        <v>993</v>
      </c>
      <c r="S24" s="62"/>
      <c r="T24" s="63" t="s">
        <v>993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  <c r="AN24" s="171"/>
    </row>
    <row r="25" spans="1:40" s="46" customFormat="1" ht="9.75" customHeight="1">
      <c r="A25" s="47"/>
      <c r="B25" s="75"/>
      <c r="C25" s="33"/>
      <c r="D25" s="34"/>
      <c r="E25" s="176"/>
      <c r="F25" s="179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  <c r="AN25" s="171"/>
    </row>
    <row r="26" spans="1:40" s="46" customFormat="1" ht="9.75" customHeight="1">
      <c r="A26" s="47"/>
      <c r="B26" s="39"/>
      <c r="C26" s="33"/>
      <c r="D26" s="34"/>
      <c r="E26" s="33"/>
      <c r="F26" s="34"/>
      <c r="G26" s="33"/>
      <c r="H26" s="59"/>
      <c r="I26" s="33"/>
      <c r="J26" s="59"/>
      <c r="K26" s="60"/>
      <c r="L26" s="60"/>
      <c r="M26" s="61"/>
      <c r="N26" s="185" t="s">
        <v>21</v>
      </c>
      <c r="O26" s="188" t="s">
        <v>992</v>
      </c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  <c r="AN26" s="171"/>
    </row>
    <row r="27" spans="1:40" s="46" customFormat="1" ht="9.75" customHeight="1">
      <c r="A27" s="57"/>
      <c r="B27" s="58"/>
      <c r="C27" s="33"/>
      <c r="D27" s="34"/>
      <c r="E27" s="33"/>
      <c r="F27" s="34"/>
      <c r="G27" s="33"/>
      <c r="H27" s="59"/>
      <c r="I27" s="33"/>
      <c r="J27" s="59"/>
      <c r="K27" s="60"/>
      <c r="L27" s="60"/>
      <c r="M27" s="61"/>
      <c r="N27" s="186"/>
      <c r="O27" s="179"/>
      <c r="P27" s="33"/>
      <c r="Q27" s="59" t="s">
        <v>30</v>
      </c>
      <c r="R27" s="33" t="s">
        <v>993</v>
      </c>
      <c r="S27" s="62"/>
      <c r="T27" s="63" t="s">
        <v>993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  <c r="AN27" s="171"/>
    </row>
    <row r="28" spans="1:40" s="46" customFormat="1" ht="9.75" customHeight="1">
      <c r="A28" s="57"/>
      <c r="B28" s="58"/>
      <c r="C28" s="64"/>
      <c r="D28" s="77"/>
      <c r="E28" s="64"/>
      <c r="F28" s="77"/>
      <c r="G28" s="64"/>
      <c r="H28" s="66"/>
      <c r="I28" s="64"/>
      <c r="J28" s="66"/>
      <c r="K28" s="67"/>
      <c r="L28" s="67"/>
      <c r="M28" s="68"/>
      <c r="N28" s="187"/>
      <c r="O28" s="180"/>
      <c r="P28" s="64"/>
      <c r="Q28" s="66"/>
      <c r="R28" s="64"/>
      <c r="S28" s="69"/>
      <c r="T28" s="70"/>
      <c r="U28" s="66"/>
      <c r="V28" s="64"/>
      <c r="W28" s="66"/>
      <c r="X28" s="71"/>
      <c r="Y28" s="71"/>
      <c r="Z28" s="71"/>
      <c r="AA28" s="71"/>
      <c r="AB28" s="72"/>
      <c r="AC28" s="72"/>
      <c r="AD28" s="72"/>
      <c r="AE28" s="72"/>
      <c r="AF28" s="72"/>
      <c r="AG28" s="72"/>
      <c r="AH28" s="72"/>
      <c r="AI28" s="72"/>
      <c r="AJ28" s="72"/>
      <c r="AK28" s="73"/>
      <c r="AL28" s="73"/>
      <c r="AM28" s="74"/>
      <c r="AN28" s="171"/>
    </row>
    <row r="29" spans="1:40" s="46" customFormat="1" ht="9.75" customHeight="1">
      <c r="A29" s="47"/>
      <c r="B29" s="75"/>
      <c r="C29" s="175" t="s">
        <v>36</v>
      </c>
      <c r="D29" s="188" t="s">
        <v>722</v>
      </c>
      <c r="E29" s="48"/>
      <c r="F29" s="49"/>
      <c r="G29" s="48"/>
      <c r="H29" s="50"/>
      <c r="I29" s="48"/>
      <c r="J29" s="50"/>
      <c r="K29" s="51"/>
      <c r="L29" s="51"/>
      <c r="M29" s="52"/>
      <c r="N29" s="52"/>
      <c r="O29" s="76"/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  <c r="AN29" s="171"/>
    </row>
    <row r="30" spans="1:40" s="46" customFormat="1" ht="9.75" customHeight="1">
      <c r="A30" s="47"/>
      <c r="B30" s="75"/>
      <c r="C30" s="176"/>
      <c r="D30" s="179"/>
      <c r="E30" s="33"/>
      <c r="F30" s="34"/>
      <c r="G30" s="33"/>
      <c r="H30" s="59" t="s">
        <v>994</v>
      </c>
      <c r="I30" s="33"/>
      <c r="J30" s="59" t="s">
        <v>995</v>
      </c>
      <c r="K30" s="60" t="s">
        <v>30</v>
      </c>
      <c r="L30" s="60" t="s">
        <v>996</v>
      </c>
      <c r="M30" s="61"/>
      <c r="N30" s="61"/>
      <c r="O30" s="58"/>
      <c r="P30" s="33"/>
      <c r="Q30" s="59"/>
      <c r="R30" s="33" t="s">
        <v>997</v>
      </c>
      <c r="S30" s="62"/>
      <c r="T30" s="63" t="s">
        <v>997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  <c r="AN30" s="171"/>
    </row>
    <row r="31" spans="1:40" s="46" customFormat="1" ht="9.75" customHeight="1">
      <c r="A31" s="47"/>
      <c r="B31" s="75"/>
      <c r="C31" s="176"/>
      <c r="D31" s="179"/>
      <c r="E31" s="33"/>
      <c r="F31" s="34"/>
      <c r="G31" s="33"/>
      <c r="H31" s="59"/>
      <c r="I31" s="33"/>
      <c r="J31" s="59"/>
      <c r="K31" s="60"/>
      <c r="L31" s="60"/>
      <c r="M31" s="61"/>
      <c r="N31" s="61"/>
      <c r="O31" s="58"/>
      <c r="P31" s="33"/>
      <c r="Q31" s="59"/>
      <c r="R31" s="33"/>
      <c r="S31" s="62"/>
      <c r="T31" s="63"/>
      <c r="U31" s="59"/>
      <c r="V31" s="33"/>
      <c r="W31" s="59"/>
      <c r="X31" s="27"/>
      <c r="Y31" s="27"/>
      <c r="Z31" s="27"/>
      <c r="AA31" s="27"/>
      <c r="AB31" s="28"/>
      <c r="AC31" s="28"/>
      <c r="AD31" s="28"/>
      <c r="AE31" s="28"/>
      <c r="AF31" s="28"/>
      <c r="AG31" s="28"/>
      <c r="AH31" s="28"/>
      <c r="AI31" s="28"/>
      <c r="AJ31" s="28"/>
      <c r="AK31" s="29"/>
      <c r="AL31" s="29"/>
      <c r="AM31" s="30"/>
      <c r="AN31" s="171"/>
    </row>
    <row r="32" spans="1:40" s="46" customFormat="1" ht="9.75" customHeight="1">
      <c r="A32" s="47"/>
      <c r="B32" s="39"/>
      <c r="C32" s="33"/>
      <c r="D32" s="34"/>
      <c r="E32" s="175" t="s">
        <v>21</v>
      </c>
      <c r="F32" s="178" t="s">
        <v>725</v>
      </c>
      <c r="G32" s="48"/>
      <c r="H32" s="50"/>
      <c r="I32" s="48"/>
      <c r="J32" s="50"/>
      <c r="K32" s="51"/>
      <c r="L32" s="51"/>
      <c r="M32" s="52"/>
      <c r="N32" s="52"/>
      <c r="O32" s="49"/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  <c r="AN32" s="171"/>
    </row>
    <row r="33" spans="1:40" s="46" customFormat="1" ht="9.75" customHeight="1">
      <c r="A33" s="57"/>
      <c r="B33" s="58"/>
      <c r="C33" s="33"/>
      <c r="D33" s="34"/>
      <c r="E33" s="176"/>
      <c r="F33" s="179"/>
      <c r="G33" s="33"/>
      <c r="H33" s="59" t="s">
        <v>994</v>
      </c>
      <c r="I33" s="33"/>
      <c r="J33" s="59" t="s">
        <v>995</v>
      </c>
      <c r="K33" s="60" t="s">
        <v>30</v>
      </c>
      <c r="L33" s="60" t="s">
        <v>996</v>
      </c>
      <c r="M33" s="61"/>
      <c r="N33" s="61"/>
      <c r="O33" s="34"/>
      <c r="P33" s="33"/>
      <c r="Q33" s="59"/>
      <c r="R33" s="33" t="s">
        <v>997</v>
      </c>
      <c r="S33" s="62"/>
      <c r="T33" s="63" t="s">
        <v>997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  <c r="AN33" s="171"/>
    </row>
    <row r="34" spans="1:40" s="46" customFormat="1" ht="9.75" customHeight="1">
      <c r="A34" s="57"/>
      <c r="B34" s="58"/>
      <c r="C34" s="33"/>
      <c r="D34" s="34"/>
      <c r="E34" s="176"/>
      <c r="F34" s="179"/>
      <c r="G34" s="33"/>
      <c r="H34" s="59"/>
      <c r="I34" s="33"/>
      <c r="J34" s="59"/>
      <c r="K34" s="60"/>
      <c r="L34" s="60"/>
      <c r="M34" s="61"/>
      <c r="N34" s="61"/>
      <c r="O34" s="34"/>
      <c r="P34" s="33"/>
      <c r="Q34" s="59"/>
      <c r="R34" s="33"/>
      <c r="S34" s="62"/>
      <c r="T34" s="63"/>
      <c r="U34" s="59"/>
      <c r="V34" s="33"/>
      <c r="W34" s="59"/>
      <c r="X34" s="27"/>
      <c r="Y34" s="27"/>
      <c r="Z34" s="27"/>
      <c r="AA34" s="27"/>
      <c r="AB34" s="28"/>
      <c r="AC34" s="28"/>
      <c r="AD34" s="28"/>
      <c r="AE34" s="28"/>
      <c r="AF34" s="28"/>
      <c r="AG34" s="28"/>
      <c r="AH34" s="28"/>
      <c r="AI34" s="28"/>
      <c r="AJ34" s="28"/>
      <c r="AK34" s="29"/>
      <c r="AL34" s="29"/>
      <c r="AM34" s="30"/>
      <c r="AN34" s="171"/>
    </row>
    <row r="35" spans="1:40" s="46" customFormat="1" ht="9.75" customHeight="1">
      <c r="A35" s="57"/>
      <c r="B35" s="58"/>
      <c r="C35" s="33"/>
      <c r="D35" s="58"/>
      <c r="E35" s="33"/>
      <c r="F35" s="34"/>
      <c r="G35" s="33"/>
      <c r="H35" s="59"/>
      <c r="I35" s="33"/>
      <c r="J35" s="59"/>
      <c r="K35" s="60"/>
      <c r="L35" s="60"/>
      <c r="M35" s="61"/>
      <c r="N35" s="185" t="s">
        <v>21</v>
      </c>
      <c r="O35" s="178" t="s">
        <v>998</v>
      </c>
      <c r="P35" s="48"/>
      <c r="Q35" s="50"/>
      <c r="R35" s="48"/>
      <c r="S35" s="53"/>
      <c r="T35" s="54"/>
      <c r="U35" s="50"/>
      <c r="V35" s="48"/>
      <c r="W35" s="50"/>
      <c r="X35" s="55" t="s">
        <v>3</v>
      </c>
      <c r="Y35" s="55"/>
      <c r="Z35" s="55"/>
      <c r="AA35" s="55"/>
      <c r="AB35" s="56"/>
      <c r="AC35" s="56"/>
      <c r="AD35" s="56"/>
      <c r="AE35" s="56"/>
      <c r="AF35" s="56"/>
      <c r="AG35" s="56"/>
      <c r="AH35" s="56"/>
      <c r="AI35" s="56"/>
      <c r="AJ35" s="56"/>
      <c r="AK35" s="19"/>
      <c r="AL35" s="19"/>
      <c r="AM35" s="26"/>
      <c r="AN35" s="171"/>
    </row>
    <row r="36" spans="1:40" s="46" customFormat="1" ht="9.75" customHeight="1">
      <c r="A36" s="57"/>
      <c r="B36" s="58"/>
      <c r="C36" s="33"/>
      <c r="D36" s="58"/>
      <c r="E36" s="33"/>
      <c r="F36" s="34"/>
      <c r="G36" s="33"/>
      <c r="H36" s="59"/>
      <c r="I36" s="33"/>
      <c r="J36" s="59"/>
      <c r="K36" s="60"/>
      <c r="L36" s="60"/>
      <c r="M36" s="61"/>
      <c r="N36" s="186"/>
      <c r="O36" s="179"/>
      <c r="P36" s="33"/>
      <c r="Q36" s="59" t="s">
        <v>996</v>
      </c>
      <c r="R36" s="33" t="s">
        <v>997</v>
      </c>
      <c r="S36" s="62"/>
      <c r="T36" s="63" t="s">
        <v>997</v>
      </c>
      <c r="U36" s="59" t="s">
        <v>30</v>
      </c>
      <c r="V36" s="33"/>
      <c r="W36" s="59" t="s">
        <v>30</v>
      </c>
      <c r="X36" s="27"/>
      <c r="Y36" s="27"/>
      <c r="Z36" s="27"/>
      <c r="AA36" s="27"/>
      <c r="AB36" s="28"/>
      <c r="AC36" s="28"/>
      <c r="AD36" s="28"/>
      <c r="AE36" s="28"/>
      <c r="AF36" s="28"/>
      <c r="AG36" s="28"/>
      <c r="AH36" s="28"/>
      <c r="AI36" s="28"/>
      <c r="AJ36" s="28"/>
      <c r="AK36" s="29"/>
      <c r="AL36" s="29"/>
      <c r="AM36" s="30"/>
      <c r="AN36" s="171"/>
    </row>
    <row r="37" spans="1:40" s="46" customFormat="1" ht="9.75" customHeight="1">
      <c r="A37" s="57"/>
      <c r="B37" s="58"/>
      <c r="C37" s="64"/>
      <c r="D37" s="65"/>
      <c r="E37" s="64"/>
      <c r="F37" s="77"/>
      <c r="G37" s="64"/>
      <c r="H37" s="66"/>
      <c r="I37" s="64"/>
      <c r="J37" s="66"/>
      <c r="K37" s="67"/>
      <c r="L37" s="67"/>
      <c r="M37" s="68"/>
      <c r="N37" s="187"/>
      <c r="O37" s="180"/>
      <c r="P37" s="64"/>
      <c r="Q37" s="66"/>
      <c r="R37" s="64"/>
      <c r="S37" s="69"/>
      <c r="T37" s="70"/>
      <c r="U37" s="66"/>
      <c r="V37" s="64"/>
      <c r="W37" s="66"/>
      <c r="X37" s="71"/>
      <c r="Y37" s="71"/>
      <c r="Z37" s="71"/>
      <c r="AA37" s="71"/>
      <c r="AB37" s="72"/>
      <c r="AC37" s="72"/>
      <c r="AD37" s="72"/>
      <c r="AE37" s="72"/>
      <c r="AF37" s="72"/>
      <c r="AG37" s="72"/>
      <c r="AH37" s="72"/>
      <c r="AI37" s="72"/>
      <c r="AJ37" s="72"/>
      <c r="AK37" s="73"/>
      <c r="AL37" s="73"/>
      <c r="AM37" s="74"/>
      <c r="AN37" s="171"/>
    </row>
    <row r="38" spans="1:40" s="46" customFormat="1" ht="9.75" customHeight="1">
      <c r="A38" s="47"/>
      <c r="B38" s="75"/>
      <c r="C38" s="175" t="s">
        <v>52</v>
      </c>
      <c r="D38" s="188" t="s">
        <v>999</v>
      </c>
      <c r="E38" s="48"/>
      <c r="F38" s="49"/>
      <c r="G38" s="48"/>
      <c r="H38" s="50"/>
      <c r="I38" s="48"/>
      <c r="J38" s="50"/>
      <c r="K38" s="51"/>
      <c r="L38" s="51"/>
      <c r="M38" s="52"/>
      <c r="N38" s="52"/>
      <c r="O38" s="76"/>
      <c r="P38" s="48"/>
      <c r="Q38" s="50"/>
      <c r="R38" s="48"/>
      <c r="S38" s="53"/>
      <c r="T38" s="54"/>
      <c r="U38" s="50"/>
      <c r="V38" s="48"/>
      <c r="W38" s="50"/>
      <c r="X38" s="55" t="s">
        <v>3</v>
      </c>
      <c r="Y38" s="55"/>
      <c r="Z38" s="55"/>
      <c r="AA38" s="55"/>
      <c r="AB38" s="56"/>
      <c r="AC38" s="56"/>
      <c r="AD38" s="56"/>
      <c r="AE38" s="56"/>
      <c r="AF38" s="56"/>
      <c r="AG38" s="56"/>
      <c r="AH38" s="56"/>
      <c r="AI38" s="56"/>
      <c r="AJ38" s="56"/>
      <c r="AK38" s="19"/>
      <c r="AL38" s="19"/>
      <c r="AM38" s="26"/>
      <c r="AN38" s="171"/>
    </row>
    <row r="39" spans="1:40" s="46" customFormat="1" ht="9.75" customHeight="1">
      <c r="A39" s="47"/>
      <c r="B39" s="75"/>
      <c r="C39" s="176"/>
      <c r="D39" s="179"/>
      <c r="E39" s="33"/>
      <c r="F39" s="34"/>
      <c r="G39" s="33"/>
      <c r="H39" s="59" t="s">
        <v>1000</v>
      </c>
      <c r="I39" s="33" t="s">
        <v>133</v>
      </c>
      <c r="J39" s="59" t="s">
        <v>1001</v>
      </c>
      <c r="K39" s="60" t="s">
        <v>30</v>
      </c>
      <c r="L39" s="60" t="s">
        <v>1002</v>
      </c>
      <c r="M39" s="61"/>
      <c r="N39" s="61"/>
      <c r="O39" s="58"/>
      <c r="P39" s="33"/>
      <c r="Q39" s="59"/>
      <c r="R39" s="33" t="s">
        <v>1003</v>
      </c>
      <c r="S39" s="62"/>
      <c r="T39" s="63" t="s">
        <v>1004</v>
      </c>
      <c r="U39" s="59" t="s">
        <v>30</v>
      </c>
      <c r="V39" s="33"/>
      <c r="W39" s="59" t="s">
        <v>1005</v>
      </c>
      <c r="X39" s="27"/>
      <c r="Y39" s="27"/>
      <c r="Z39" s="27"/>
      <c r="AA39" s="27"/>
      <c r="AB39" s="28"/>
      <c r="AC39" s="28"/>
      <c r="AD39" s="28"/>
      <c r="AE39" s="28"/>
      <c r="AF39" s="28"/>
      <c r="AG39" s="28"/>
      <c r="AH39" s="28"/>
      <c r="AI39" s="28"/>
      <c r="AJ39" s="28"/>
      <c r="AK39" s="29"/>
      <c r="AL39" s="29"/>
      <c r="AM39" s="30"/>
      <c r="AN39" s="171"/>
    </row>
    <row r="40" spans="1:40" s="46" customFormat="1" ht="9.75" customHeight="1">
      <c r="A40" s="47"/>
      <c r="B40" s="75"/>
      <c r="C40" s="176"/>
      <c r="D40" s="179"/>
      <c r="E40" s="33"/>
      <c r="F40" s="34"/>
      <c r="G40" s="33"/>
      <c r="H40" s="59"/>
      <c r="I40" s="33"/>
      <c r="J40" s="59"/>
      <c r="K40" s="60"/>
      <c r="L40" s="60"/>
      <c r="M40" s="61"/>
      <c r="N40" s="61"/>
      <c r="O40" s="58"/>
      <c r="P40" s="33"/>
      <c r="Q40" s="59"/>
      <c r="R40" s="33"/>
      <c r="S40" s="62"/>
      <c r="T40" s="63"/>
      <c r="U40" s="59"/>
      <c r="V40" s="33"/>
      <c r="W40" s="59"/>
      <c r="X40" s="27"/>
      <c r="Y40" s="27"/>
      <c r="Z40" s="27"/>
      <c r="AA40" s="27"/>
      <c r="AB40" s="28"/>
      <c r="AC40" s="28"/>
      <c r="AD40" s="28"/>
      <c r="AE40" s="28"/>
      <c r="AF40" s="28"/>
      <c r="AG40" s="28"/>
      <c r="AH40" s="28"/>
      <c r="AI40" s="28"/>
      <c r="AJ40" s="28"/>
      <c r="AK40" s="29"/>
      <c r="AL40" s="29"/>
      <c r="AM40" s="30"/>
      <c r="AN40" s="171"/>
    </row>
    <row r="41" spans="1:40" s="46" customFormat="1" ht="9.75" customHeight="1">
      <c r="A41" s="47"/>
      <c r="B41" s="39"/>
      <c r="C41" s="33"/>
      <c r="D41" s="34"/>
      <c r="E41" s="175" t="s">
        <v>21</v>
      </c>
      <c r="F41" s="178" t="s">
        <v>1006</v>
      </c>
      <c r="G41" s="48"/>
      <c r="H41" s="50"/>
      <c r="I41" s="48"/>
      <c r="J41" s="50"/>
      <c r="K41" s="51"/>
      <c r="L41" s="51"/>
      <c r="M41" s="52"/>
      <c r="N41" s="52"/>
      <c r="O41" s="49"/>
      <c r="P41" s="48"/>
      <c r="Q41" s="50"/>
      <c r="R41" s="48"/>
      <c r="S41" s="53"/>
      <c r="T41" s="54"/>
      <c r="U41" s="50"/>
      <c r="V41" s="48"/>
      <c r="W41" s="50"/>
      <c r="X41" s="55" t="s">
        <v>3</v>
      </c>
      <c r="Y41" s="55"/>
      <c r="Z41" s="55"/>
      <c r="AA41" s="55"/>
      <c r="AB41" s="56"/>
      <c r="AC41" s="56"/>
      <c r="AD41" s="56"/>
      <c r="AE41" s="56"/>
      <c r="AF41" s="56"/>
      <c r="AG41" s="56"/>
      <c r="AH41" s="56"/>
      <c r="AI41" s="56"/>
      <c r="AJ41" s="56"/>
      <c r="AK41" s="19"/>
      <c r="AL41" s="19"/>
      <c r="AM41" s="26"/>
      <c r="AN41" s="171"/>
    </row>
    <row r="42" spans="1:40" s="46" customFormat="1" ht="9.75" customHeight="1">
      <c r="A42" s="57"/>
      <c r="B42" s="58"/>
      <c r="C42" s="33"/>
      <c r="D42" s="34"/>
      <c r="E42" s="176"/>
      <c r="F42" s="179"/>
      <c r="G42" s="33"/>
      <c r="H42" s="59" t="s">
        <v>1000</v>
      </c>
      <c r="I42" s="33" t="s">
        <v>133</v>
      </c>
      <c r="J42" s="59" t="s">
        <v>1001</v>
      </c>
      <c r="K42" s="60" t="s">
        <v>30</v>
      </c>
      <c r="L42" s="60" t="s">
        <v>1002</v>
      </c>
      <c r="M42" s="61"/>
      <c r="N42" s="61"/>
      <c r="O42" s="34"/>
      <c r="P42" s="33"/>
      <c r="Q42" s="59"/>
      <c r="R42" s="33" t="s">
        <v>1003</v>
      </c>
      <c r="S42" s="62"/>
      <c r="T42" s="63" t="s">
        <v>1004</v>
      </c>
      <c r="U42" s="59" t="s">
        <v>30</v>
      </c>
      <c r="V42" s="33"/>
      <c r="W42" s="59" t="s">
        <v>1005</v>
      </c>
      <c r="X42" s="27"/>
      <c r="Y42" s="27"/>
      <c r="Z42" s="27"/>
      <c r="AA42" s="27"/>
      <c r="AB42" s="28"/>
      <c r="AC42" s="28"/>
      <c r="AD42" s="28"/>
      <c r="AE42" s="28"/>
      <c r="AF42" s="28"/>
      <c r="AG42" s="28"/>
      <c r="AH42" s="28"/>
      <c r="AI42" s="28"/>
      <c r="AJ42" s="28"/>
      <c r="AK42" s="29"/>
      <c r="AL42" s="29"/>
      <c r="AM42" s="30"/>
      <c r="AN42" s="171"/>
    </row>
    <row r="43" spans="1:40" s="46" customFormat="1" ht="9.75" customHeight="1">
      <c r="A43" s="57"/>
      <c r="B43" s="58"/>
      <c r="C43" s="33"/>
      <c r="D43" s="34"/>
      <c r="E43" s="176"/>
      <c r="F43" s="179"/>
      <c r="G43" s="33"/>
      <c r="H43" s="59"/>
      <c r="I43" s="33"/>
      <c r="J43" s="59"/>
      <c r="K43" s="60"/>
      <c r="L43" s="60"/>
      <c r="M43" s="61"/>
      <c r="N43" s="61"/>
      <c r="O43" s="34"/>
      <c r="P43" s="33"/>
      <c r="Q43" s="59"/>
      <c r="R43" s="33"/>
      <c r="S43" s="62"/>
      <c r="T43" s="63"/>
      <c r="U43" s="59"/>
      <c r="V43" s="33"/>
      <c r="W43" s="59"/>
      <c r="X43" s="27"/>
      <c r="Y43" s="27"/>
      <c r="Z43" s="27"/>
      <c r="AA43" s="27"/>
      <c r="AB43" s="28"/>
      <c r="AC43" s="28"/>
      <c r="AD43" s="28"/>
      <c r="AE43" s="28"/>
      <c r="AF43" s="28"/>
      <c r="AG43" s="28"/>
      <c r="AH43" s="28"/>
      <c r="AI43" s="28"/>
      <c r="AJ43" s="28"/>
      <c r="AK43" s="29"/>
      <c r="AL43" s="29"/>
      <c r="AM43" s="30"/>
      <c r="AN43" s="171"/>
    </row>
    <row r="44" spans="1:40" s="46" customFormat="1" ht="9.75" customHeight="1">
      <c r="A44" s="57"/>
      <c r="B44" s="58"/>
      <c r="C44" s="33"/>
      <c r="D44" s="58"/>
      <c r="E44" s="33"/>
      <c r="F44" s="34"/>
      <c r="G44" s="33"/>
      <c r="H44" s="59"/>
      <c r="I44" s="33"/>
      <c r="J44" s="59"/>
      <c r="K44" s="60"/>
      <c r="L44" s="60"/>
      <c r="M44" s="61"/>
      <c r="N44" s="185" t="s">
        <v>21</v>
      </c>
      <c r="O44" s="178" t="s">
        <v>1006</v>
      </c>
      <c r="P44" s="48"/>
      <c r="Q44" s="50"/>
      <c r="R44" s="48"/>
      <c r="S44" s="53"/>
      <c r="T44" s="54"/>
      <c r="U44" s="50"/>
      <c r="V44" s="48"/>
      <c r="W44" s="50"/>
      <c r="X44" s="55" t="s">
        <v>3</v>
      </c>
      <c r="Y44" s="55"/>
      <c r="Z44" s="55"/>
      <c r="AA44" s="55"/>
      <c r="AB44" s="56"/>
      <c r="AC44" s="56"/>
      <c r="AD44" s="56"/>
      <c r="AE44" s="56"/>
      <c r="AF44" s="56"/>
      <c r="AG44" s="56"/>
      <c r="AH44" s="56"/>
      <c r="AI44" s="56"/>
      <c r="AJ44" s="56"/>
      <c r="AK44" s="19"/>
      <c r="AL44" s="19"/>
      <c r="AM44" s="26"/>
      <c r="AN44" s="171"/>
    </row>
    <row r="45" spans="1:40" s="46" customFormat="1" ht="9.75" customHeight="1">
      <c r="A45" s="57"/>
      <c r="B45" s="58"/>
      <c r="C45" s="33"/>
      <c r="D45" s="58"/>
      <c r="E45" s="33"/>
      <c r="F45" s="34"/>
      <c r="G45" s="33"/>
      <c r="H45" s="59"/>
      <c r="I45" s="33"/>
      <c r="J45" s="59"/>
      <c r="K45" s="60"/>
      <c r="L45" s="60"/>
      <c r="M45" s="61"/>
      <c r="N45" s="186"/>
      <c r="O45" s="179"/>
      <c r="P45" s="33"/>
      <c r="Q45" s="59" t="s">
        <v>1002</v>
      </c>
      <c r="R45" s="33" t="s">
        <v>1003</v>
      </c>
      <c r="S45" s="62"/>
      <c r="T45" s="63" t="s">
        <v>1004</v>
      </c>
      <c r="U45" s="59" t="s">
        <v>30</v>
      </c>
      <c r="V45" s="33"/>
      <c r="W45" s="59" t="s">
        <v>1005</v>
      </c>
      <c r="X45" s="27"/>
      <c r="Y45" s="27"/>
      <c r="Z45" s="27"/>
      <c r="AA45" s="27"/>
      <c r="AB45" s="28"/>
      <c r="AC45" s="28"/>
      <c r="AD45" s="28"/>
      <c r="AE45" s="28"/>
      <c r="AF45" s="28"/>
      <c r="AG45" s="28"/>
      <c r="AH45" s="28"/>
      <c r="AI45" s="28"/>
      <c r="AJ45" s="28"/>
      <c r="AK45" s="29"/>
      <c r="AL45" s="29"/>
      <c r="AM45" s="30"/>
      <c r="AN45" s="171"/>
    </row>
    <row r="46" spans="1:40" s="46" customFormat="1" ht="9.75" customHeight="1">
      <c r="A46" s="57"/>
      <c r="B46" s="58"/>
      <c r="C46" s="64"/>
      <c r="D46" s="65"/>
      <c r="E46" s="64"/>
      <c r="F46" s="77"/>
      <c r="G46" s="64"/>
      <c r="H46" s="66"/>
      <c r="I46" s="64"/>
      <c r="J46" s="66"/>
      <c r="K46" s="67"/>
      <c r="L46" s="67"/>
      <c r="M46" s="68"/>
      <c r="N46" s="187"/>
      <c r="O46" s="180"/>
      <c r="P46" s="64"/>
      <c r="Q46" s="66"/>
      <c r="R46" s="64"/>
      <c r="S46" s="69"/>
      <c r="T46" s="70"/>
      <c r="U46" s="66"/>
      <c r="V46" s="64"/>
      <c r="W46" s="66"/>
      <c r="X46" s="71"/>
      <c r="Y46" s="71"/>
      <c r="Z46" s="71"/>
      <c r="AA46" s="71"/>
      <c r="AB46" s="72"/>
      <c r="AC46" s="72"/>
      <c r="AD46" s="72"/>
      <c r="AE46" s="72"/>
      <c r="AF46" s="72"/>
      <c r="AG46" s="72"/>
      <c r="AH46" s="72"/>
      <c r="AI46" s="72"/>
      <c r="AJ46" s="72"/>
      <c r="AK46" s="73"/>
      <c r="AL46" s="73"/>
      <c r="AM46" s="74"/>
      <c r="AN46" s="171"/>
    </row>
    <row r="47" spans="1:40" s="46" customFormat="1" ht="9.75" customHeight="1">
      <c r="A47" s="47"/>
      <c r="B47" s="75"/>
      <c r="C47" s="175" t="s">
        <v>57</v>
      </c>
      <c r="D47" s="178" t="s">
        <v>287</v>
      </c>
      <c r="E47" s="48"/>
      <c r="F47" s="49"/>
      <c r="G47" s="48"/>
      <c r="H47" s="50"/>
      <c r="I47" s="48"/>
      <c r="J47" s="50"/>
      <c r="K47" s="51"/>
      <c r="L47" s="51"/>
      <c r="M47" s="52"/>
      <c r="N47" s="52"/>
      <c r="O47" s="76"/>
      <c r="P47" s="48"/>
      <c r="Q47" s="50"/>
      <c r="R47" s="48"/>
      <c r="S47" s="53"/>
      <c r="T47" s="54"/>
      <c r="U47" s="50"/>
      <c r="V47" s="48"/>
      <c r="W47" s="50"/>
      <c r="X47" s="55" t="s">
        <v>23</v>
      </c>
      <c r="Y47" s="55"/>
      <c r="Z47" s="55"/>
      <c r="AA47" s="55"/>
      <c r="AB47" s="56"/>
      <c r="AC47" s="56"/>
      <c r="AD47" s="56"/>
      <c r="AE47" s="56"/>
      <c r="AF47" s="56"/>
      <c r="AG47" s="56"/>
      <c r="AH47" s="56"/>
      <c r="AI47" s="56"/>
      <c r="AJ47" s="56"/>
      <c r="AK47" s="19"/>
      <c r="AL47" s="19"/>
      <c r="AM47" s="26" t="s">
        <v>1007</v>
      </c>
      <c r="AN47" s="171"/>
    </row>
    <row r="48" spans="1:40" s="46" customFormat="1" ht="9.75" customHeight="1">
      <c r="A48" s="47"/>
      <c r="B48" s="75"/>
      <c r="C48" s="176"/>
      <c r="D48" s="179"/>
      <c r="E48" s="33"/>
      <c r="F48" s="34"/>
      <c r="G48" s="33"/>
      <c r="H48" s="59" t="s">
        <v>1008</v>
      </c>
      <c r="I48" s="33"/>
      <c r="J48" s="59" t="s">
        <v>1009</v>
      </c>
      <c r="K48" s="60" t="s">
        <v>1010</v>
      </c>
      <c r="L48" s="60" t="s">
        <v>1011</v>
      </c>
      <c r="M48" s="61"/>
      <c r="N48" s="61"/>
      <c r="O48" s="58"/>
      <c r="P48" s="33"/>
      <c r="Q48" s="59"/>
      <c r="R48" s="33" t="s">
        <v>1012</v>
      </c>
      <c r="S48" s="62"/>
      <c r="T48" s="63" t="s">
        <v>1012</v>
      </c>
      <c r="U48" s="59" t="s">
        <v>30</v>
      </c>
      <c r="V48" s="33"/>
      <c r="W48" s="59" t="s">
        <v>30</v>
      </c>
      <c r="X48" s="27"/>
      <c r="Y48" s="27"/>
      <c r="Z48" s="27"/>
      <c r="AA48" s="27"/>
      <c r="AB48" s="28"/>
      <c r="AC48" s="28"/>
      <c r="AD48" s="28"/>
      <c r="AE48" s="28"/>
      <c r="AF48" s="28"/>
      <c r="AG48" s="28"/>
      <c r="AH48" s="28"/>
      <c r="AI48" s="28"/>
      <c r="AJ48" s="28"/>
      <c r="AK48" s="29"/>
      <c r="AL48" s="29"/>
      <c r="AM48" s="30"/>
      <c r="AN48" s="171"/>
    </row>
    <row r="49" spans="1:40" s="46" customFormat="1" ht="9.75" customHeight="1">
      <c r="A49" s="47"/>
      <c r="B49" s="75"/>
      <c r="C49" s="176"/>
      <c r="D49" s="179"/>
      <c r="E49" s="33"/>
      <c r="F49" s="34"/>
      <c r="G49" s="33"/>
      <c r="H49" s="59"/>
      <c r="I49" s="33"/>
      <c r="J49" s="59"/>
      <c r="K49" s="60"/>
      <c r="L49" s="60"/>
      <c r="M49" s="61"/>
      <c r="N49" s="61"/>
      <c r="O49" s="58"/>
      <c r="P49" s="33"/>
      <c r="Q49" s="59"/>
      <c r="R49" s="33"/>
      <c r="S49" s="62"/>
      <c r="T49" s="63"/>
      <c r="U49" s="59"/>
      <c r="V49" s="33"/>
      <c r="W49" s="59"/>
      <c r="X49" s="27"/>
      <c r="Y49" s="27"/>
      <c r="Z49" s="27"/>
      <c r="AA49" s="27"/>
      <c r="AB49" s="28"/>
      <c r="AC49" s="28"/>
      <c r="AD49" s="28"/>
      <c r="AE49" s="28"/>
      <c r="AF49" s="28"/>
      <c r="AG49" s="28"/>
      <c r="AH49" s="28"/>
      <c r="AI49" s="28"/>
      <c r="AJ49" s="28"/>
      <c r="AK49" s="29"/>
      <c r="AL49" s="29"/>
      <c r="AM49" s="30"/>
      <c r="AN49" s="171"/>
    </row>
    <row r="50" spans="1:40" s="46" customFormat="1" ht="9.75" customHeight="1">
      <c r="A50" s="47"/>
      <c r="B50" s="39"/>
      <c r="C50" s="33"/>
      <c r="D50" s="34"/>
      <c r="E50" s="175" t="s">
        <v>21</v>
      </c>
      <c r="F50" s="178" t="s">
        <v>745</v>
      </c>
      <c r="G50" s="48"/>
      <c r="H50" s="50"/>
      <c r="I50" s="48"/>
      <c r="J50" s="50"/>
      <c r="K50" s="51"/>
      <c r="L50" s="51"/>
      <c r="M50" s="52"/>
      <c r="N50" s="52"/>
      <c r="O50" s="49"/>
      <c r="P50" s="48"/>
      <c r="Q50" s="50"/>
      <c r="R50" s="48"/>
      <c r="S50" s="53"/>
      <c r="T50" s="54"/>
      <c r="U50" s="50"/>
      <c r="V50" s="48"/>
      <c r="W50" s="50"/>
      <c r="X50" s="55" t="s">
        <v>23</v>
      </c>
      <c r="Y50" s="55"/>
      <c r="Z50" s="55"/>
      <c r="AA50" s="55"/>
      <c r="AB50" s="56"/>
      <c r="AC50" s="56"/>
      <c r="AD50" s="56"/>
      <c r="AE50" s="56"/>
      <c r="AF50" s="56"/>
      <c r="AG50" s="56"/>
      <c r="AH50" s="56"/>
      <c r="AI50" s="56"/>
      <c r="AJ50" s="56"/>
      <c r="AK50" s="19"/>
      <c r="AL50" s="19"/>
      <c r="AM50" s="26" t="s">
        <v>1007</v>
      </c>
      <c r="AN50" s="171"/>
    </row>
    <row r="51" spans="1:40" s="46" customFormat="1" ht="9.75" customHeight="1">
      <c r="A51" s="57"/>
      <c r="B51" s="58"/>
      <c r="C51" s="33"/>
      <c r="D51" s="34"/>
      <c r="E51" s="176"/>
      <c r="F51" s="179"/>
      <c r="G51" s="33"/>
      <c r="H51" s="59" t="s">
        <v>1008</v>
      </c>
      <c r="I51" s="33"/>
      <c r="J51" s="59" t="s">
        <v>1009</v>
      </c>
      <c r="K51" s="60" t="s">
        <v>1010</v>
      </c>
      <c r="L51" s="60" t="s">
        <v>1011</v>
      </c>
      <c r="M51" s="61"/>
      <c r="N51" s="61"/>
      <c r="O51" s="34"/>
      <c r="P51" s="33"/>
      <c r="Q51" s="59"/>
      <c r="R51" s="33" t="s">
        <v>1012</v>
      </c>
      <c r="S51" s="62"/>
      <c r="T51" s="63" t="s">
        <v>1012</v>
      </c>
      <c r="U51" s="59" t="s">
        <v>30</v>
      </c>
      <c r="V51" s="33"/>
      <c r="W51" s="59" t="s">
        <v>30</v>
      </c>
      <c r="X51" s="27"/>
      <c r="Y51" s="27"/>
      <c r="Z51" s="27"/>
      <c r="AA51" s="27"/>
      <c r="AB51" s="28"/>
      <c r="AC51" s="28"/>
      <c r="AD51" s="28"/>
      <c r="AE51" s="28"/>
      <c r="AF51" s="28"/>
      <c r="AG51" s="28"/>
      <c r="AH51" s="28"/>
      <c r="AI51" s="28"/>
      <c r="AJ51" s="28"/>
      <c r="AK51" s="29"/>
      <c r="AL51" s="29"/>
      <c r="AM51" s="30"/>
      <c r="AN51" s="171"/>
    </row>
    <row r="52" spans="1:40" s="46" customFormat="1" ht="9.75" customHeight="1">
      <c r="A52" s="57"/>
      <c r="B52" s="58"/>
      <c r="C52" s="33"/>
      <c r="D52" s="34"/>
      <c r="E52" s="176"/>
      <c r="F52" s="179"/>
      <c r="G52" s="33"/>
      <c r="H52" s="59"/>
      <c r="I52" s="33"/>
      <c r="J52" s="59"/>
      <c r="K52" s="60"/>
      <c r="L52" s="60"/>
      <c r="M52" s="61"/>
      <c r="N52" s="61"/>
      <c r="O52" s="34"/>
      <c r="P52" s="33"/>
      <c r="Q52" s="59"/>
      <c r="R52" s="33"/>
      <c r="S52" s="62"/>
      <c r="T52" s="63"/>
      <c r="U52" s="59"/>
      <c r="V52" s="33"/>
      <c r="W52" s="59"/>
      <c r="X52" s="27"/>
      <c r="Y52" s="27"/>
      <c r="Z52" s="27"/>
      <c r="AA52" s="27"/>
      <c r="AB52" s="28"/>
      <c r="AC52" s="28"/>
      <c r="AD52" s="28"/>
      <c r="AE52" s="28"/>
      <c r="AF52" s="28"/>
      <c r="AG52" s="28"/>
      <c r="AH52" s="28"/>
      <c r="AI52" s="28"/>
      <c r="AJ52" s="28"/>
      <c r="AK52" s="29"/>
      <c r="AL52" s="29"/>
      <c r="AM52" s="30"/>
      <c r="AN52" s="171"/>
    </row>
    <row r="53" spans="1:40" s="46" customFormat="1" ht="9.75" customHeight="1">
      <c r="A53" s="57"/>
      <c r="B53" s="58"/>
      <c r="C53" s="33"/>
      <c r="D53" s="58"/>
      <c r="E53" s="33"/>
      <c r="F53" s="34"/>
      <c r="G53" s="33"/>
      <c r="H53" s="59"/>
      <c r="I53" s="33"/>
      <c r="J53" s="59"/>
      <c r="K53" s="60"/>
      <c r="L53" s="60"/>
      <c r="M53" s="61"/>
      <c r="N53" s="185" t="s">
        <v>21</v>
      </c>
      <c r="O53" s="188" t="s">
        <v>1013</v>
      </c>
      <c r="P53" s="48"/>
      <c r="Q53" s="50"/>
      <c r="R53" s="48"/>
      <c r="S53" s="53"/>
      <c r="T53" s="54"/>
      <c r="U53" s="50"/>
      <c r="V53" s="48"/>
      <c r="W53" s="50"/>
      <c r="X53" s="55" t="s">
        <v>23</v>
      </c>
      <c r="Y53" s="55"/>
      <c r="Z53" s="55"/>
      <c r="AA53" s="55"/>
      <c r="AB53" s="56"/>
      <c r="AC53" s="56"/>
      <c r="AD53" s="56"/>
      <c r="AE53" s="56"/>
      <c r="AF53" s="56"/>
      <c r="AG53" s="56"/>
      <c r="AH53" s="56"/>
      <c r="AI53" s="56"/>
      <c r="AJ53" s="56"/>
      <c r="AK53" s="19"/>
      <c r="AL53" s="19"/>
      <c r="AM53" s="26" t="s">
        <v>1007</v>
      </c>
      <c r="AN53" s="171"/>
    </row>
    <row r="54" spans="1:40" s="46" customFormat="1" ht="9.75" customHeight="1">
      <c r="A54" s="57"/>
      <c r="B54" s="58"/>
      <c r="C54" s="33"/>
      <c r="D54" s="58"/>
      <c r="E54" s="33"/>
      <c r="F54" s="34"/>
      <c r="G54" s="33"/>
      <c r="H54" s="59"/>
      <c r="I54" s="33"/>
      <c r="J54" s="59"/>
      <c r="K54" s="60"/>
      <c r="L54" s="60"/>
      <c r="M54" s="61"/>
      <c r="N54" s="186"/>
      <c r="O54" s="179"/>
      <c r="P54" s="33"/>
      <c r="Q54" s="59" t="s">
        <v>1014</v>
      </c>
      <c r="R54" s="33" t="s">
        <v>1015</v>
      </c>
      <c r="S54" s="62"/>
      <c r="T54" s="63" t="s">
        <v>1015</v>
      </c>
      <c r="U54" s="59" t="s">
        <v>30</v>
      </c>
      <c r="V54" s="33"/>
      <c r="W54" s="59" t="s">
        <v>30</v>
      </c>
      <c r="X54" s="27"/>
      <c r="Y54" s="27"/>
      <c r="Z54" s="27"/>
      <c r="AA54" s="27"/>
      <c r="AB54" s="28"/>
      <c r="AC54" s="28"/>
      <c r="AD54" s="28"/>
      <c r="AE54" s="28"/>
      <c r="AF54" s="28"/>
      <c r="AG54" s="28"/>
      <c r="AH54" s="28"/>
      <c r="AI54" s="28"/>
      <c r="AJ54" s="28"/>
      <c r="AK54" s="29"/>
      <c r="AL54" s="29"/>
      <c r="AM54" s="30"/>
      <c r="AN54" s="171"/>
    </row>
    <row r="55" spans="1:40" s="46" customFormat="1" ht="9.75" customHeight="1">
      <c r="A55" s="57"/>
      <c r="B55" s="58"/>
      <c r="C55" s="33"/>
      <c r="D55" s="58"/>
      <c r="E55" s="33"/>
      <c r="F55" s="34"/>
      <c r="G55" s="33"/>
      <c r="H55" s="59"/>
      <c r="I55" s="33"/>
      <c r="J55" s="59"/>
      <c r="K55" s="60"/>
      <c r="L55" s="60"/>
      <c r="M55" s="61"/>
      <c r="N55" s="187"/>
      <c r="O55" s="180"/>
      <c r="P55" s="33"/>
      <c r="Q55" s="59"/>
      <c r="R55" s="33"/>
      <c r="S55" s="62"/>
      <c r="T55" s="63"/>
      <c r="U55" s="59"/>
      <c r="V55" s="33"/>
      <c r="W55" s="59"/>
      <c r="X55" s="27"/>
      <c r="Y55" s="27"/>
      <c r="Z55" s="27"/>
      <c r="AA55" s="27"/>
      <c r="AB55" s="28"/>
      <c r="AC55" s="28"/>
      <c r="AD55" s="28"/>
      <c r="AE55" s="28"/>
      <c r="AF55" s="28"/>
      <c r="AG55" s="28"/>
      <c r="AH55" s="28"/>
      <c r="AI55" s="28"/>
      <c r="AJ55" s="28"/>
      <c r="AK55" s="29"/>
      <c r="AL55" s="29"/>
      <c r="AM55" s="30"/>
      <c r="AN55" s="171"/>
    </row>
    <row r="56" spans="1:40" s="46" customFormat="1" ht="9.75" customHeight="1">
      <c r="A56" s="57"/>
      <c r="B56" s="58"/>
      <c r="C56" s="33"/>
      <c r="D56" s="58"/>
      <c r="E56" s="33"/>
      <c r="F56" s="58"/>
      <c r="G56" s="33"/>
      <c r="H56" s="59"/>
      <c r="I56" s="33"/>
      <c r="J56" s="59"/>
      <c r="K56" s="60"/>
      <c r="L56" s="60"/>
      <c r="M56" s="61"/>
      <c r="N56" s="185" t="s">
        <v>36</v>
      </c>
      <c r="O56" s="188" t="s">
        <v>1016</v>
      </c>
      <c r="P56" s="48"/>
      <c r="Q56" s="50"/>
      <c r="R56" s="48"/>
      <c r="S56" s="53"/>
      <c r="T56" s="54"/>
      <c r="U56" s="50"/>
      <c r="V56" s="48"/>
      <c r="W56" s="50"/>
      <c r="X56" s="55" t="s">
        <v>3</v>
      </c>
      <c r="Y56" s="55"/>
      <c r="Z56" s="55"/>
      <c r="AA56" s="55"/>
      <c r="AB56" s="56"/>
      <c r="AC56" s="56"/>
      <c r="AD56" s="56"/>
      <c r="AE56" s="56"/>
      <c r="AF56" s="56"/>
      <c r="AG56" s="56"/>
      <c r="AH56" s="56"/>
      <c r="AI56" s="56"/>
      <c r="AJ56" s="56"/>
      <c r="AK56" s="19"/>
      <c r="AL56" s="19"/>
      <c r="AM56" s="26"/>
      <c r="AN56" s="171"/>
    </row>
    <row r="57" spans="1:40" s="46" customFormat="1" ht="9.75" customHeight="1">
      <c r="A57" s="57"/>
      <c r="B57" s="58"/>
      <c r="C57" s="33"/>
      <c r="D57" s="58"/>
      <c r="E57" s="33"/>
      <c r="F57" s="58"/>
      <c r="G57" s="33"/>
      <c r="H57" s="59"/>
      <c r="I57" s="33"/>
      <c r="J57" s="59"/>
      <c r="K57" s="60"/>
      <c r="L57" s="60"/>
      <c r="M57" s="61"/>
      <c r="N57" s="186"/>
      <c r="O57" s="179"/>
      <c r="P57" s="33"/>
      <c r="Q57" s="59" t="s">
        <v>1017</v>
      </c>
      <c r="R57" s="33" t="s">
        <v>1018</v>
      </c>
      <c r="S57" s="62"/>
      <c r="T57" s="63" t="s">
        <v>1018</v>
      </c>
      <c r="U57" s="59" t="s">
        <v>30</v>
      </c>
      <c r="V57" s="33"/>
      <c r="W57" s="59" t="s">
        <v>30</v>
      </c>
      <c r="X57" s="27"/>
      <c r="Y57" s="27"/>
      <c r="Z57" s="27"/>
      <c r="AA57" s="27"/>
      <c r="AB57" s="28"/>
      <c r="AC57" s="28"/>
      <c r="AD57" s="28"/>
      <c r="AE57" s="28"/>
      <c r="AF57" s="28"/>
      <c r="AG57" s="28"/>
      <c r="AH57" s="28"/>
      <c r="AI57" s="28"/>
      <c r="AJ57" s="28"/>
      <c r="AK57" s="29"/>
      <c r="AL57" s="29"/>
      <c r="AM57" s="30"/>
      <c r="AN57" s="171"/>
    </row>
    <row r="58" spans="1:40" s="46" customFormat="1" ht="9.75" customHeight="1">
      <c r="A58" s="57"/>
      <c r="B58" s="58"/>
      <c r="C58" s="64"/>
      <c r="D58" s="65"/>
      <c r="E58" s="64"/>
      <c r="F58" s="65"/>
      <c r="G58" s="64"/>
      <c r="H58" s="66"/>
      <c r="I58" s="64"/>
      <c r="J58" s="66"/>
      <c r="K58" s="67"/>
      <c r="L58" s="67"/>
      <c r="M58" s="68"/>
      <c r="N58" s="187"/>
      <c r="O58" s="180"/>
      <c r="P58" s="64"/>
      <c r="Q58" s="66"/>
      <c r="R58" s="64"/>
      <c r="S58" s="69"/>
      <c r="T58" s="70"/>
      <c r="U58" s="66"/>
      <c r="V58" s="64"/>
      <c r="W58" s="66"/>
      <c r="X58" s="71"/>
      <c r="Y58" s="71"/>
      <c r="Z58" s="71"/>
      <c r="AA58" s="71"/>
      <c r="AB58" s="72"/>
      <c r="AC58" s="72"/>
      <c r="AD58" s="72"/>
      <c r="AE58" s="72"/>
      <c r="AF58" s="72"/>
      <c r="AG58" s="72"/>
      <c r="AH58" s="72"/>
      <c r="AI58" s="72"/>
      <c r="AJ58" s="72"/>
      <c r="AK58" s="73"/>
      <c r="AL58" s="73"/>
      <c r="AM58" s="74"/>
      <c r="AN58" s="171"/>
    </row>
    <row r="59" spans="1:40" s="46" customFormat="1" ht="9.75" customHeight="1">
      <c r="A59" s="47"/>
      <c r="B59" s="75"/>
      <c r="C59" s="175" t="s">
        <v>293</v>
      </c>
      <c r="D59" s="178" t="s">
        <v>179</v>
      </c>
      <c r="E59" s="48"/>
      <c r="F59" s="49"/>
      <c r="G59" s="48"/>
      <c r="H59" s="50"/>
      <c r="I59" s="48"/>
      <c r="J59" s="50"/>
      <c r="K59" s="51"/>
      <c r="L59" s="51"/>
      <c r="M59" s="52"/>
      <c r="N59" s="52"/>
      <c r="O59" s="76"/>
      <c r="P59" s="48"/>
      <c r="Q59" s="50"/>
      <c r="R59" s="48"/>
      <c r="S59" s="53"/>
      <c r="T59" s="54"/>
      <c r="U59" s="50"/>
      <c r="V59" s="48"/>
      <c r="W59" s="50"/>
      <c r="X59" s="55" t="s">
        <v>3</v>
      </c>
      <c r="Y59" s="55"/>
      <c r="Z59" s="55"/>
      <c r="AA59" s="55"/>
      <c r="AB59" s="56"/>
      <c r="AC59" s="56"/>
      <c r="AD59" s="56"/>
      <c r="AE59" s="56"/>
      <c r="AF59" s="56"/>
      <c r="AG59" s="56"/>
      <c r="AH59" s="56"/>
      <c r="AI59" s="56"/>
      <c r="AJ59" s="56"/>
      <c r="AK59" s="19"/>
      <c r="AL59" s="19"/>
      <c r="AM59" s="26"/>
      <c r="AN59" s="171"/>
    </row>
    <row r="60" spans="1:40" s="46" customFormat="1" ht="9.75" customHeight="1">
      <c r="A60" s="47"/>
      <c r="B60" s="75"/>
      <c r="C60" s="176"/>
      <c r="D60" s="179"/>
      <c r="E60" s="33"/>
      <c r="F60" s="34"/>
      <c r="G60" s="33"/>
      <c r="H60" s="59" t="s">
        <v>1019</v>
      </c>
      <c r="I60" s="33" t="s">
        <v>133</v>
      </c>
      <c r="J60" s="59" t="s">
        <v>1020</v>
      </c>
      <c r="K60" s="60" t="s">
        <v>30</v>
      </c>
      <c r="L60" s="60" t="s">
        <v>1021</v>
      </c>
      <c r="M60" s="61"/>
      <c r="N60" s="61"/>
      <c r="O60" s="58"/>
      <c r="P60" s="33"/>
      <c r="Q60" s="59"/>
      <c r="R60" s="33" t="s">
        <v>1022</v>
      </c>
      <c r="S60" s="62"/>
      <c r="T60" s="63" t="s">
        <v>1023</v>
      </c>
      <c r="U60" s="59" t="s">
        <v>30</v>
      </c>
      <c r="V60" s="33"/>
      <c r="W60" s="59" t="s">
        <v>1024</v>
      </c>
      <c r="X60" s="27"/>
      <c r="Y60" s="27"/>
      <c r="Z60" s="27"/>
      <c r="AA60" s="27"/>
      <c r="AB60" s="28"/>
      <c r="AC60" s="28"/>
      <c r="AD60" s="28"/>
      <c r="AE60" s="28"/>
      <c r="AF60" s="28"/>
      <c r="AG60" s="28"/>
      <c r="AH60" s="28"/>
      <c r="AI60" s="28"/>
      <c r="AJ60" s="28"/>
      <c r="AK60" s="29"/>
      <c r="AL60" s="29"/>
      <c r="AM60" s="30"/>
      <c r="AN60" s="171"/>
    </row>
    <row r="61" spans="1:40" s="46" customFormat="1" ht="9.75" customHeight="1">
      <c r="A61" s="47"/>
      <c r="B61" s="75"/>
      <c r="C61" s="176"/>
      <c r="D61" s="179"/>
      <c r="E61" s="33"/>
      <c r="F61" s="34"/>
      <c r="G61" s="33"/>
      <c r="H61" s="59"/>
      <c r="I61" s="33"/>
      <c r="J61" s="59"/>
      <c r="K61" s="60"/>
      <c r="L61" s="60"/>
      <c r="M61" s="61"/>
      <c r="N61" s="61"/>
      <c r="O61" s="58"/>
      <c r="P61" s="33"/>
      <c r="Q61" s="59"/>
      <c r="R61" s="33"/>
      <c r="S61" s="62"/>
      <c r="T61" s="63"/>
      <c r="U61" s="59"/>
      <c r="V61" s="33"/>
      <c r="W61" s="59"/>
      <c r="X61" s="27"/>
      <c r="Y61" s="27"/>
      <c r="Z61" s="27"/>
      <c r="AA61" s="27"/>
      <c r="AB61" s="28"/>
      <c r="AC61" s="28"/>
      <c r="AD61" s="28"/>
      <c r="AE61" s="28"/>
      <c r="AF61" s="28"/>
      <c r="AG61" s="28"/>
      <c r="AH61" s="28"/>
      <c r="AI61" s="28"/>
      <c r="AJ61" s="28"/>
      <c r="AK61" s="29"/>
      <c r="AL61" s="29"/>
      <c r="AM61" s="30"/>
      <c r="AN61" s="171"/>
    </row>
    <row r="62" spans="1:40" s="46" customFormat="1" ht="9.75" customHeight="1">
      <c r="A62" s="47"/>
      <c r="B62" s="39"/>
      <c r="C62" s="33"/>
      <c r="D62" s="34"/>
      <c r="E62" s="175" t="s">
        <v>21</v>
      </c>
      <c r="F62" s="178" t="s">
        <v>183</v>
      </c>
      <c r="G62" s="48"/>
      <c r="H62" s="50"/>
      <c r="I62" s="48"/>
      <c r="J62" s="50"/>
      <c r="K62" s="51"/>
      <c r="L62" s="51"/>
      <c r="M62" s="52"/>
      <c r="N62" s="52"/>
      <c r="O62" s="49"/>
      <c r="P62" s="48"/>
      <c r="Q62" s="50"/>
      <c r="R62" s="48"/>
      <c r="S62" s="53"/>
      <c r="T62" s="54"/>
      <c r="U62" s="50"/>
      <c r="V62" s="48"/>
      <c r="W62" s="50"/>
      <c r="X62" s="55" t="s">
        <v>3</v>
      </c>
      <c r="Y62" s="55"/>
      <c r="Z62" s="55"/>
      <c r="AA62" s="55"/>
      <c r="AB62" s="56"/>
      <c r="AC62" s="56"/>
      <c r="AD62" s="56"/>
      <c r="AE62" s="56"/>
      <c r="AF62" s="56"/>
      <c r="AG62" s="56"/>
      <c r="AH62" s="56"/>
      <c r="AI62" s="56"/>
      <c r="AJ62" s="56"/>
      <c r="AK62" s="19"/>
      <c r="AL62" s="19"/>
      <c r="AM62" s="26"/>
      <c r="AN62" s="171"/>
    </row>
    <row r="63" spans="1:40" s="46" customFormat="1" ht="9.75" customHeight="1">
      <c r="A63" s="57"/>
      <c r="B63" s="58"/>
      <c r="C63" s="33"/>
      <c r="D63" s="34"/>
      <c r="E63" s="176"/>
      <c r="F63" s="179"/>
      <c r="G63" s="33"/>
      <c r="H63" s="59" t="s">
        <v>1025</v>
      </c>
      <c r="I63" s="33" t="s">
        <v>133</v>
      </c>
      <c r="J63" s="59" t="s">
        <v>1026</v>
      </c>
      <c r="K63" s="60" t="s">
        <v>30</v>
      </c>
      <c r="L63" s="60" t="s">
        <v>1027</v>
      </c>
      <c r="M63" s="61"/>
      <c r="N63" s="61"/>
      <c r="O63" s="34"/>
      <c r="P63" s="33"/>
      <c r="Q63" s="59"/>
      <c r="R63" s="33" t="s">
        <v>1028</v>
      </c>
      <c r="S63" s="62"/>
      <c r="T63" s="63" t="s">
        <v>1029</v>
      </c>
      <c r="U63" s="59" t="s">
        <v>30</v>
      </c>
      <c r="V63" s="33"/>
      <c r="W63" s="59" t="s">
        <v>1024</v>
      </c>
      <c r="X63" s="27"/>
      <c r="Y63" s="27"/>
      <c r="Z63" s="27"/>
      <c r="AA63" s="27"/>
      <c r="AB63" s="28"/>
      <c r="AC63" s="28"/>
      <c r="AD63" s="28"/>
      <c r="AE63" s="28"/>
      <c r="AF63" s="28"/>
      <c r="AG63" s="28"/>
      <c r="AH63" s="28"/>
      <c r="AI63" s="28"/>
      <c r="AJ63" s="28"/>
      <c r="AK63" s="29"/>
      <c r="AL63" s="29"/>
      <c r="AM63" s="30"/>
      <c r="AN63" s="171"/>
    </row>
    <row r="64" spans="1:40" s="46" customFormat="1" ht="9.75" customHeight="1">
      <c r="A64" s="57"/>
      <c r="B64" s="58"/>
      <c r="C64" s="33"/>
      <c r="D64" s="34"/>
      <c r="E64" s="176"/>
      <c r="F64" s="179"/>
      <c r="G64" s="33"/>
      <c r="H64" s="59"/>
      <c r="I64" s="33"/>
      <c r="J64" s="59"/>
      <c r="K64" s="60"/>
      <c r="L64" s="60"/>
      <c r="M64" s="61"/>
      <c r="N64" s="61"/>
      <c r="O64" s="34"/>
      <c r="P64" s="33"/>
      <c r="Q64" s="59"/>
      <c r="R64" s="33"/>
      <c r="S64" s="62"/>
      <c r="T64" s="63"/>
      <c r="U64" s="59"/>
      <c r="V64" s="33"/>
      <c r="W64" s="59"/>
      <c r="X64" s="27"/>
      <c r="Y64" s="27"/>
      <c r="Z64" s="27"/>
      <c r="AA64" s="27"/>
      <c r="AB64" s="28"/>
      <c r="AC64" s="28"/>
      <c r="AD64" s="28"/>
      <c r="AE64" s="28"/>
      <c r="AF64" s="28"/>
      <c r="AG64" s="28"/>
      <c r="AH64" s="28"/>
      <c r="AI64" s="28"/>
      <c r="AJ64" s="28"/>
      <c r="AK64" s="29"/>
      <c r="AL64" s="29"/>
      <c r="AM64" s="30"/>
      <c r="AN64" s="171"/>
    </row>
    <row r="65" spans="1:40" s="46" customFormat="1" ht="9.75" customHeight="1">
      <c r="A65" s="57"/>
      <c r="B65" s="58"/>
      <c r="C65" s="33"/>
      <c r="D65" s="58"/>
      <c r="E65" s="33"/>
      <c r="F65" s="34"/>
      <c r="G65" s="33"/>
      <c r="H65" s="59"/>
      <c r="I65" s="33"/>
      <c r="J65" s="59"/>
      <c r="K65" s="60"/>
      <c r="L65" s="60"/>
      <c r="M65" s="61"/>
      <c r="N65" s="185" t="s">
        <v>21</v>
      </c>
      <c r="O65" s="178" t="s">
        <v>1030</v>
      </c>
      <c r="P65" s="48"/>
      <c r="Q65" s="50"/>
      <c r="R65" s="48"/>
      <c r="S65" s="53"/>
      <c r="T65" s="54"/>
      <c r="U65" s="50"/>
      <c r="V65" s="48"/>
      <c r="W65" s="50"/>
      <c r="X65" s="55" t="s">
        <v>3</v>
      </c>
      <c r="Y65" s="55"/>
      <c r="Z65" s="55"/>
      <c r="AA65" s="55"/>
      <c r="AB65" s="56"/>
      <c r="AC65" s="56"/>
      <c r="AD65" s="56"/>
      <c r="AE65" s="56"/>
      <c r="AF65" s="56"/>
      <c r="AG65" s="56"/>
      <c r="AH65" s="56"/>
      <c r="AI65" s="56"/>
      <c r="AJ65" s="56"/>
      <c r="AK65" s="19"/>
      <c r="AL65" s="19"/>
      <c r="AM65" s="26"/>
      <c r="AN65" s="171"/>
    </row>
    <row r="66" spans="1:40" s="46" customFormat="1" ht="9.75" customHeight="1">
      <c r="A66" s="57"/>
      <c r="B66" s="58"/>
      <c r="C66" s="33"/>
      <c r="D66" s="58"/>
      <c r="E66" s="33"/>
      <c r="F66" s="34"/>
      <c r="G66" s="33"/>
      <c r="H66" s="59"/>
      <c r="I66" s="33"/>
      <c r="J66" s="59"/>
      <c r="K66" s="60"/>
      <c r="L66" s="60"/>
      <c r="M66" s="61"/>
      <c r="N66" s="186"/>
      <c r="O66" s="179"/>
      <c r="P66" s="33"/>
      <c r="Q66" s="59" t="s">
        <v>1031</v>
      </c>
      <c r="R66" s="33" t="s">
        <v>1032</v>
      </c>
      <c r="S66" s="62"/>
      <c r="T66" s="63" t="s">
        <v>1033</v>
      </c>
      <c r="U66" s="59" t="s">
        <v>30</v>
      </c>
      <c r="V66" s="33"/>
      <c r="W66" s="59" t="s">
        <v>1024</v>
      </c>
      <c r="X66" s="27"/>
      <c r="Y66" s="27"/>
      <c r="Z66" s="27"/>
      <c r="AA66" s="27"/>
      <c r="AB66" s="28"/>
      <c r="AC66" s="28"/>
      <c r="AD66" s="28"/>
      <c r="AE66" s="28"/>
      <c r="AF66" s="28"/>
      <c r="AG66" s="28"/>
      <c r="AH66" s="28"/>
      <c r="AI66" s="28"/>
      <c r="AJ66" s="28"/>
      <c r="AK66" s="29"/>
      <c r="AL66" s="29"/>
      <c r="AM66" s="30"/>
      <c r="AN66" s="171"/>
    </row>
    <row r="67" spans="1:40" s="46" customFormat="1" ht="9.75" customHeight="1">
      <c r="A67" s="57"/>
      <c r="B67" s="58"/>
      <c r="C67" s="33"/>
      <c r="D67" s="58"/>
      <c r="E67" s="33"/>
      <c r="F67" s="34"/>
      <c r="G67" s="33"/>
      <c r="H67" s="59"/>
      <c r="I67" s="33"/>
      <c r="J67" s="59"/>
      <c r="K67" s="60"/>
      <c r="L67" s="60"/>
      <c r="M67" s="61"/>
      <c r="N67" s="187"/>
      <c r="O67" s="180"/>
      <c r="P67" s="33"/>
      <c r="Q67" s="59"/>
      <c r="R67" s="33"/>
      <c r="S67" s="62"/>
      <c r="T67" s="63"/>
      <c r="U67" s="59"/>
      <c r="V67" s="33"/>
      <c r="W67" s="59"/>
      <c r="X67" s="27"/>
      <c r="Y67" s="27"/>
      <c r="Z67" s="27"/>
      <c r="AA67" s="27"/>
      <c r="AB67" s="28"/>
      <c r="AC67" s="28"/>
      <c r="AD67" s="28"/>
      <c r="AE67" s="28"/>
      <c r="AF67" s="28"/>
      <c r="AG67" s="28"/>
      <c r="AH67" s="28"/>
      <c r="AI67" s="28"/>
      <c r="AJ67" s="28"/>
      <c r="AK67" s="29"/>
      <c r="AL67" s="29"/>
      <c r="AM67" s="30"/>
      <c r="AN67" s="171"/>
    </row>
    <row r="68" spans="1:40" s="46" customFormat="1" ht="9.75" customHeight="1">
      <c r="A68" s="57"/>
      <c r="B68" s="58"/>
      <c r="C68" s="33"/>
      <c r="D68" s="58"/>
      <c r="E68" s="33"/>
      <c r="F68" s="58"/>
      <c r="G68" s="33"/>
      <c r="H68" s="59"/>
      <c r="I68" s="33"/>
      <c r="J68" s="59"/>
      <c r="K68" s="60"/>
      <c r="L68" s="60"/>
      <c r="M68" s="61"/>
      <c r="N68" s="185" t="s">
        <v>36</v>
      </c>
      <c r="O68" s="178" t="s">
        <v>184</v>
      </c>
      <c r="P68" s="48"/>
      <c r="Q68" s="50"/>
      <c r="R68" s="48"/>
      <c r="S68" s="53"/>
      <c r="T68" s="54"/>
      <c r="U68" s="50"/>
      <c r="V68" s="48"/>
      <c r="W68" s="50"/>
      <c r="X68" s="55" t="s">
        <v>3</v>
      </c>
      <c r="Y68" s="55"/>
      <c r="Z68" s="55"/>
      <c r="AA68" s="55"/>
      <c r="AB68" s="56"/>
      <c r="AC68" s="56"/>
      <c r="AD68" s="56"/>
      <c r="AE68" s="56"/>
      <c r="AF68" s="56"/>
      <c r="AG68" s="56"/>
      <c r="AH68" s="56"/>
      <c r="AI68" s="56"/>
      <c r="AJ68" s="56"/>
      <c r="AK68" s="19"/>
      <c r="AL68" s="19"/>
      <c r="AM68" s="26"/>
      <c r="AN68" s="171"/>
    </row>
    <row r="69" spans="1:40" s="46" customFormat="1" ht="9.75" customHeight="1">
      <c r="A69" s="57"/>
      <c r="B69" s="58"/>
      <c r="C69" s="33"/>
      <c r="D69" s="58"/>
      <c r="E69" s="33"/>
      <c r="F69" s="58"/>
      <c r="G69" s="33"/>
      <c r="H69" s="59"/>
      <c r="I69" s="33"/>
      <c r="J69" s="59"/>
      <c r="K69" s="60"/>
      <c r="L69" s="60"/>
      <c r="M69" s="61"/>
      <c r="N69" s="186"/>
      <c r="O69" s="179"/>
      <c r="P69" s="33"/>
      <c r="Q69" s="59" t="s">
        <v>1034</v>
      </c>
      <c r="R69" s="33" t="s">
        <v>1035</v>
      </c>
      <c r="S69" s="62"/>
      <c r="T69" s="63" t="s">
        <v>1035</v>
      </c>
      <c r="U69" s="59" t="s">
        <v>30</v>
      </c>
      <c r="V69" s="33"/>
      <c r="W69" s="59" t="s">
        <v>30</v>
      </c>
      <c r="X69" s="27"/>
      <c r="Y69" s="27"/>
      <c r="Z69" s="27"/>
      <c r="AA69" s="27"/>
      <c r="AB69" s="28"/>
      <c r="AC69" s="28"/>
      <c r="AD69" s="28"/>
      <c r="AE69" s="28"/>
      <c r="AF69" s="28"/>
      <c r="AG69" s="28"/>
      <c r="AH69" s="28"/>
      <c r="AI69" s="28"/>
      <c r="AJ69" s="28"/>
      <c r="AK69" s="29"/>
      <c r="AL69" s="29"/>
      <c r="AM69" s="30"/>
      <c r="AN69" s="171"/>
    </row>
    <row r="70" spans="1:40" s="46" customFormat="1" ht="9.75" customHeight="1">
      <c r="A70" s="57"/>
      <c r="B70" s="58"/>
      <c r="C70" s="33"/>
      <c r="D70" s="58"/>
      <c r="E70" s="33"/>
      <c r="F70" s="58"/>
      <c r="G70" s="33"/>
      <c r="H70" s="59"/>
      <c r="I70" s="33"/>
      <c r="J70" s="59"/>
      <c r="K70" s="60"/>
      <c r="L70" s="60"/>
      <c r="M70" s="61"/>
      <c r="N70" s="187"/>
      <c r="O70" s="180"/>
      <c r="P70" s="33"/>
      <c r="Q70" s="59"/>
      <c r="R70" s="33"/>
      <c r="S70" s="62"/>
      <c r="T70" s="63"/>
      <c r="U70" s="59"/>
      <c r="V70" s="33"/>
      <c r="W70" s="59"/>
      <c r="X70" s="27"/>
      <c r="Y70" s="27"/>
      <c r="Z70" s="27"/>
      <c r="AA70" s="27"/>
      <c r="AB70" s="28"/>
      <c r="AC70" s="28"/>
      <c r="AD70" s="28"/>
      <c r="AE70" s="28"/>
      <c r="AF70" s="28"/>
      <c r="AG70" s="28"/>
      <c r="AH70" s="28"/>
      <c r="AI70" s="28"/>
      <c r="AJ70" s="28"/>
      <c r="AK70" s="29"/>
      <c r="AL70" s="29"/>
      <c r="AM70" s="30"/>
      <c r="AN70" s="171"/>
    </row>
    <row r="71" spans="1:40" s="46" customFormat="1" ht="9.75" customHeight="1">
      <c r="A71" s="47"/>
      <c r="B71" s="75"/>
      <c r="C71" s="33"/>
      <c r="D71" s="34"/>
      <c r="E71" s="175" t="s">
        <v>36</v>
      </c>
      <c r="F71" s="178" t="s">
        <v>1036</v>
      </c>
      <c r="G71" s="48"/>
      <c r="H71" s="50"/>
      <c r="I71" s="48"/>
      <c r="J71" s="50"/>
      <c r="K71" s="51"/>
      <c r="L71" s="51"/>
      <c r="M71" s="52"/>
      <c r="N71" s="52"/>
      <c r="O71" s="76"/>
      <c r="P71" s="48"/>
      <c r="Q71" s="50"/>
      <c r="R71" s="48"/>
      <c r="S71" s="53"/>
      <c r="T71" s="54"/>
      <c r="U71" s="50"/>
      <c r="V71" s="48"/>
      <c r="W71" s="50"/>
      <c r="X71" s="55" t="s">
        <v>3</v>
      </c>
      <c r="Y71" s="55"/>
      <c r="Z71" s="55"/>
      <c r="AA71" s="55"/>
      <c r="AB71" s="56"/>
      <c r="AC71" s="56"/>
      <c r="AD71" s="56"/>
      <c r="AE71" s="56"/>
      <c r="AF71" s="56"/>
      <c r="AG71" s="56"/>
      <c r="AH71" s="56"/>
      <c r="AI71" s="56"/>
      <c r="AJ71" s="56"/>
      <c r="AK71" s="19"/>
      <c r="AL71" s="19"/>
      <c r="AM71" s="26"/>
      <c r="AN71" s="171"/>
    </row>
    <row r="72" spans="1:40" s="46" customFormat="1" ht="9.75" customHeight="1">
      <c r="A72" s="47"/>
      <c r="B72" s="75"/>
      <c r="C72" s="33"/>
      <c r="D72" s="34"/>
      <c r="E72" s="176"/>
      <c r="F72" s="179"/>
      <c r="G72" s="33"/>
      <c r="H72" s="59" t="s">
        <v>1037</v>
      </c>
      <c r="I72" s="33" t="s">
        <v>133</v>
      </c>
      <c r="J72" s="59" t="s">
        <v>1038</v>
      </c>
      <c r="K72" s="60" t="s">
        <v>30</v>
      </c>
      <c r="L72" s="60" t="s">
        <v>1039</v>
      </c>
      <c r="M72" s="61"/>
      <c r="N72" s="61"/>
      <c r="O72" s="58"/>
      <c r="P72" s="33"/>
      <c r="Q72" s="59"/>
      <c r="R72" s="33" t="s">
        <v>1040</v>
      </c>
      <c r="S72" s="62"/>
      <c r="T72" s="63" t="s">
        <v>1040</v>
      </c>
      <c r="U72" s="59" t="s">
        <v>30</v>
      </c>
      <c r="V72" s="33"/>
      <c r="W72" s="59" t="s">
        <v>30</v>
      </c>
      <c r="X72" s="27"/>
      <c r="Y72" s="27"/>
      <c r="Z72" s="27"/>
      <c r="AA72" s="27"/>
      <c r="AB72" s="28"/>
      <c r="AC72" s="28"/>
      <c r="AD72" s="28"/>
      <c r="AE72" s="28"/>
      <c r="AF72" s="28"/>
      <c r="AG72" s="28"/>
      <c r="AH72" s="28"/>
      <c r="AI72" s="28"/>
      <c r="AJ72" s="28"/>
      <c r="AK72" s="29"/>
      <c r="AL72" s="29"/>
      <c r="AM72" s="30"/>
      <c r="AN72" s="171"/>
    </row>
    <row r="73" spans="1:40" s="46" customFormat="1" ht="9.75" customHeight="1">
      <c r="A73" s="47"/>
      <c r="B73" s="75"/>
      <c r="C73" s="33"/>
      <c r="D73" s="34"/>
      <c r="E73" s="176"/>
      <c r="F73" s="179"/>
      <c r="G73" s="33"/>
      <c r="H73" s="59"/>
      <c r="I73" s="33"/>
      <c r="J73" s="59"/>
      <c r="K73" s="60"/>
      <c r="L73" s="60"/>
      <c r="M73" s="61"/>
      <c r="N73" s="61"/>
      <c r="O73" s="58"/>
      <c r="P73" s="33"/>
      <c r="Q73" s="59"/>
      <c r="R73" s="33"/>
      <c r="S73" s="62"/>
      <c r="T73" s="63"/>
      <c r="U73" s="59"/>
      <c r="V73" s="33"/>
      <c r="W73" s="59"/>
      <c r="X73" s="27"/>
      <c r="Y73" s="27"/>
      <c r="Z73" s="27"/>
      <c r="AA73" s="27"/>
      <c r="AB73" s="28"/>
      <c r="AC73" s="28"/>
      <c r="AD73" s="28"/>
      <c r="AE73" s="28"/>
      <c r="AF73" s="28"/>
      <c r="AG73" s="28"/>
      <c r="AH73" s="28"/>
      <c r="AI73" s="28"/>
      <c r="AJ73" s="28"/>
      <c r="AK73" s="29"/>
      <c r="AL73" s="29"/>
      <c r="AM73" s="30"/>
      <c r="AN73" s="171"/>
    </row>
    <row r="74" spans="1:40" s="46" customFormat="1" ht="9.75" customHeight="1">
      <c r="A74" s="47"/>
      <c r="B74" s="39"/>
      <c r="C74" s="33"/>
      <c r="D74" s="34"/>
      <c r="E74" s="33"/>
      <c r="F74" s="34"/>
      <c r="G74" s="33"/>
      <c r="H74" s="59"/>
      <c r="I74" s="33"/>
      <c r="J74" s="59"/>
      <c r="K74" s="60"/>
      <c r="L74" s="60"/>
      <c r="M74" s="61"/>
      <c r="N74" s="185" t="s">
        <v>21</v>
      </c>
      <c r="O74" s="188" t="s">
        <v>1041</v>
      </c>
      <c r="P74" s="48"/>
      <c r="Q74" s="50"/>
      <c r="R74" s="48"/>
      <c r="S74" s="53"/>
      <c r="T74" s="54"/>
      <c r="U74" s="50"/>
      <c r="V74" s="48"/>
      <c r="W74" s="50"/>
      <c r="X74" s="55" t="s">
        <v>3</v>
      </c>
      <c r="Y74" s="55"/>
      <c r="Z74" s="55"/>
      <c r="AA74" s="55"/>
      <c r="AB74" s="56"/>
      <c r="AC74" s="56"/>
      <c r="AD74" s="56"/>
      <c r="AE74" s="56"/>
      <c r="AF74" s="56"/>
      <c r="AG74" s="56"/>
      <c r="AH74" s="56"/>
      <c r="AI74" s="56"/>
      <c r="AJ74" s="56"/>
      <c r="AK74" s="19"/>
      <c r="AL74" s="19"/>
      <c r="AM74" s="26"/>
      <c r="AN74" s="171"/>
    </row>
    <row r="75" spans="1:40" s="46" customFormat="1" ht="9.75" customHeight="1">
      <c r="A75" s="57"/>
      <c r="B75" s="58"/>
      <c r="C75" s="33"/>
      <c r="D75" s="34"/>
      <c r="E75" s="33"/>
      <c r="F75" s="34"/>
      <c r="G75" s="33"/>
      <c r="H75" s="59"/>
      <c r="I75" s="33"/>
      <c r="J75" s="59"/>
      <c r="K75" s="60"/>
      <c r="L75" s="60"/>
      <c r="M75" s="61"/>
      <c r="N75" s="186"/>
      <c r="O75" s="179"/>
      <c r="P75" s="33"/>
      <c r="Q75" s="59" t="s">
        <v>1039</v>
      </c>
      <c r="R75" s="33" t="s">
        <v>1040</v>
      </c>
      <c r="S75" s="62"/>
      <c r="T75" s="63" t="s">
        <v>1040</v>
      </c>
      <c r="U75" s="59" t="s">
        <v>30</v>
      </c>
      <c r="V75" s="33"/>
      <c r="W75" s="59" t="s">
        <v>30</v>
      </c>
      <c r="X75" s="27"/>
      <c r="Y75" s="27"/>
      <c r="Z75" s="27"/>
      <c r="AA75" s="27"/>
      <c r="AB75" s="28"/>
      <c r="AC75" s="28"/>
      <c r="AD75" s="28"/>
      <c r="AE75" s="28"/>
      <c r="AF75" s="28"/>
      <c r="AG75" s="28"/>
      <c r="AH75" s="28"/>
      <c r="AI75" s="28"/>
      <c r="AJ75" s="28"/>
      <c r="AK75" s="29"/>
      <c r="AL75" s="29"/>
      <c r="AM75" s="30"/>
      <c r="AN75" s="171"/>
    </row>
    <row r="76" spans="1:40" s="46" customFormat="1" ht="9.75" customHeight="1">
      <c r="A76" s="57"/>
      <c r="B76" s="58"/>
      <c r="C76" s="64"/>
      <c r="D76" s="77"/>
      <c r="E76" s="64"/>
      <c r="F76" s="77"/>
      <c r="G76" s="64"/>
      <c r="H76" s="66"/>
      <c r="I76" s="64"/>
      <c r="J76" s="66"/>
      <c r="K76" s="67"/>
      <c r="L76" s="67"/>
      <c r="M76" s="68"/>
      <c r="N76" s="187"/>
      <c r="O76" s="180"/>
      <c r="P76" s="64"/>
      <c r="Q76" s="66"/>
      <c r="R76" s="64"/>
      <c r="S76" s="69"/>
      <c r="T76" s="70"/>
      <c r="U76" s="66"/>
      <c r="V76" s="64"/>
      <c r="W76" s="66"/>
      <c r="X76" s="71"/>
      <c r="Y76" s="71"/>
      <c r="Z76" s="71"/>
      <c r="AA76" s="71"/>
      <c r="AB76" s="72"/>
      <c r="AC76" s="72"/>
      <c r="AD76" s="72"/>
      <c r="AE76" s="72"/>
      <c r="AF76" s="72"/>
      <c r="AG76" s="72"/>
      <c r="AH76" s="72"/>
      <c r="AI76" s="72"/>
      <c r="AJ76" s="72"/>
      <c r="AK76" s="73"/>
      <c r="AL76" s="73"/>
      <c r="AM76" s="74"/>
      <c r="AN76" s="171"/>
    </row>
    <row r="77" spans="1:40" s="46" customFormat="1" ht="9.75" customHeight="1">
      <c r="A77" s="47"/>
      <c r="B77" s="75"/>
      <c r="C77" s="175" t="s">
        <v>597</v>
      </c>
      <c r="D77" s="178" t="s">
        <v>37</v>
      </c>
      <c r="E77" s="48"/>
      <c r="F77" s="49"/>
      <c r="G77" s="48"/>
      <c r="H77" s="50"/>
      <c r="I77" s="48"/>
      <c r="J77" s="50"/>
      <c r="K77" s="51"/>
      <c r="L77" s="51"/>
      <c r="M77" s="52"/>
      <c r="N77" s="52"/>
      <c r="O77" s="76"/>
      <c r="P77" s="48"/>
      <c r="Q77" s="50"/>
      <c r="R77" s="48"/>
      <c r="S77" s="53"/>
      <c r="T77" s="54"/>
      <c r="U77" s="50"/>
      <c r="V77" s="48"/>
      <c r="W77" s="50"/>
      <c r="X77" s="55" t="s">
        <v>3</v>
      </c>
      <c r="Y77" s="55"/>
      <c r="Z77" s="55"/>
      <c r="AA77" s="55"/>
      <c r="AB77" s="56"/>
      <c r="AC77" s="56"/>
      <c r="AD77" s="56"/>
      <c r="AE77" s="56"/>
      <c r="AF77" s="56"/>
      <c r="AG77" s="56"/>
      <c r="AH77" s="56"/>
      <c r="AI77" s="56"/>
      <c r="AJ77" s="56"/>
      <c r="AK77" s="19"/>
      <c r="AL77" s="19"/>
      <c r="AM77" s="26"/>
      <c r="AN77" s="171"/>
    </row>
    <row r="78" spans="1:40" s="46" customFormat="1" ht="9.75" customHeight="1">
      <c r="A78" s="47"/>
      <c r="B78" s="75"/>
      <c r="C78" s="176"/>
      <c r="D78" s="179"/>
      <c r="E78" s="33"/>
      <c r="F78" s="34"/>
      <c r="G78" s="33"/>
      <c r="H78" s="59" t="s">
        <v>1042</v>
      </c>
      <c r="I78" s="33" t="s">
        <v>133</v>
      </c>
      <c r="J78" s="59" t="s">
        <v>1043</v>
      </c>
      <c r="K78" s="60" t="s">
        <v>30</v>
      </c>
      <c r="L78" s="60" t="s">
        <v>1044</v>
      </c>
      <c r="M78" s="61"/>
      <c r="N78" s="61"/>
      <c r="O78" s="58"/>
      <c r="P78" s="33"/>
      <c r="Q78" s="59"/>
      <c r="R78" s="33" t="s">
        <v>1044</v>
      </c>
      <c r="S78" s="62"/>
      <c r="T78" s="63" t="s">
        <v>1044</v>
      </c>
      <c r="U78" s="59" t="s">
        <v>30</v>
      </c>
      <c r="V78" s="33"/>
      <c r="W78" s="59" t="s">
        <v>30</v>
      </c>
      <c r="X78" s="27"/>
      <c r="Y78" s="27"/>
      <c r="Z78" s="27"/>
      <c r="AA78" s="27"/>
      <c r="AB78" s="28"/>
      <c r="AC78" s="28"/>
      <c r="AD78" s="28"/>
      <c r="AE78" s="28"/>
      <c r="AF78" s="28"/>
      <c r="AG78" s="28"/>
      <c r="AH78" s="28"/>
      <c r="AI78" s="28"/>
      <c r="AJ78" s="28"/>
      <c r="AK78" s="29"/>
      <c r="AL78" s="29"/>
      <c r="AM78" s="30"/>
      <c r="AN78" s="171"/>
    </row>
    <row r="79" spans="1:40" s="46" customFormat="1" ht="9.75" customHeight="1">
      <c r="A79" s="47"/>
      <c r="B79" s="75"/>
      <c r="C79" s="176"/>
      <c r="D79" s="179"/>
      <c r="E79" s="33"/>
      <c r="F79" s="34"/>
      <c r="G79" s="33"/>
      <c r="H79" s="59"/>
      <c r="I79" s="33"/>
      <c r="J79" s="59"/>
      <c r="K79" s="60"/>
      <c r="L79" s="60"/>
      <c r="M79" s="61"/>
      <c r="N79" s="61"/>
      <c r="O79" s="58"/>
      <c r="P79" s="33"/>
      <c r="Q79" s="59"/>
      <c r="R79" s="33"/>
      <c r="S79" s="62"/>
      <c r="T79" s="63"/>
      <c r="U79" s="59"/>
      <c r="V79" s="33"/>
      <c r="W79" s="59"/>
      <c r="X79" s="27"/>
      <c r="Y79" s="27"/>
      <c r="Z79" s="27"/>
      <c r="AA79" s="27"/>
      <c r="AB79" s="28"/>
      <c r="AC79" s="28"/>
      <c r="AD79" s="28"/>
      <c r="AE79" s="28"/>
      <c r="AF79" s="28"/>
      <c r="AG79" s="28"/>
      <c r="AH79" s="28"/>
      <c r="AI79" s="28"/>
      <c r="AJ79" s="28"/>
      <c r="AK79" s="29"/>
      <c r="AL79" s="29"/>
      <c r="AM79" s="30"/>
      <c r="AN79" s="171"/>
    </row>
    <row r="80" spans="1:40" s="46" customFormat="1" ht="9.75" customHeight="1">
      <c r="A80" s="47"/>
      <c r="B80" s="39"/>
      <c r="C80" s="33"/>
      <c r="D80" s="34"/>
      <c r="E80" s="175" t="s">
        <v>21</v>
      </c>
      <c r="F80" s="188" t="s">
        <v>41</v>
      </c>
      <c r="G80" s="48"/>
      <c r="H80" s="50"/>
      <c r="I80" s="48"/>
      <c r="J80" s="50"/>
      <c r="K80" s="51"/>
      <c r="L80" s="51"/>
      <c r="M80" s="52"/>
      <c r="N80" s="52"/>
      <c r="O80" s="49"/>
      <c r="P80" s="48"/>
      <c r="Q80" s="50"/>
      <c r="R80" s="48"/>
      <c r="S80" s="53"/>
      <c r="T80" s="54"/>
      <c r="U80" s="50"/>
      <c r="V80" s="48"/>
      <c r="W80" s="50"/>
      <c r="X80" s="55" t="s">
        <v>3</v>
      </c>
      <c r="Y80" s="55"/>
      <c r="Z80" s="55"/>
      <c r="AA80" s="55"/>
      <c r="AB80" s="56"/>
      <c r="AC80" s="56"/>
      <c r="AD80" s="56"/>
      <c r="AE80" s="56"/>
      <c r="AF80" s="56"/>
      <c r="AG80" s="56"/>
      <c r="AH80" s="56"/>
      <c r="AI80" s="56"/>
      <c r="AJ80" s="56"/>
      <c r="AK80" s="19"/>
      <c r="AL80" s="19"/>
      <c r="AM80" s="26"/>
      <c r="AN80" s="171"/>
    </row>
    <row r="81" spans="1:41" s="46" customFormat="1" ht="9.75" customHeight="1">
      <c r="A81" s="57"/>
      <c r="B81" s="58"/>
      <c r="C81" s="33"/>
      <c r="D81" s="34"/>
      <c r="E81" s="176"/>
      <c r="F81" s="179"/>
      <c r="G81" s="33"/>
      <c r="H81" s="59" t="s">
        <v>1044</v>
      </c>
      <c r="I81" s="33"/>
      <c r="J81" s="59" t="s">
        <v>30</v>
      </c>
      <c r="K81" s="60" t="s">
        <v>30</v>
      </c>
      <c r="L81" s="60" t="s">
        <v>1044</v>
      </c>
      <c r="M81" s="61"/>
      <c r="N81" s="61"/>
      <c r="O81" s="34"/>
      <c r="P81" s="33"/>
      <c r="Q81" s="59"/>
      <c r="R81" s="33" t="s">
        <v>1044</v>
      </c>
      <c r="S81" s="62"/>
      <c r="T81" s="63" t="s">
        <v>1044</v>
      </c>
      <c r="U81" s="59" t="s">
        <v>30</v>
      </c>
      <c r="V81" s="33"/>
      <c r="W81" s="59" t="s">
        <v>30</v>
      </c>
      <c r="X81" s="27"/>
      <c r="Y81" s="27"/>
      <c r="Z81" s="27"/>
      <c r="AA81" s="27"/>
      <c r="AB81" s="28"/>
      <c r="AC81" s="28"/>
      <c r="AD81" s="28"/>
      <c r="AE81" s="28"/>
      <c r="AF81" s="28"/>
      <c r="AG81" s="28"/>
      <c r="AH81" s="28"/>
      <c r="AI81" s="28"/>
      <c r="AJ81" s="28"/>
      <c r="AK81" s="29"/>
      <c r="AL81" s="29"/>
      <c r="AM81" s="30"/>
      <c r="AN81" s="171"/>
    </row>
    <row r="82" spans="1:41" s="46" customFormat="1" ht="9.75" customHeight="1">
      <c r="A82" s="57"/>
      <c r="B82" s="58"/>
      <c r="C82" s="33"/>
      <c r="D82" s="34"/>
      <c r="E82" s="177"/>
      <c r="F82" s="180"/>
      <c r="G82" s="33"/>
      <c r="H82" s="59"/>
      <c r="I82" s="33"/>
      <c r="J82" s="59"/>
      <c r="K82" s="60"/>
      <c r="L82" s="60"/>
      <c r="M82" s="61"/>
      <c r="N82" s="61"/>
      <c r="O82" s="34"/>
      <c r="P82" s="33"/>
      <c r="Q82" s="59"/>
      <c r="R82" s="33"/>
      <c r="S82" s="62"/>
      <c r="T82" s="63"/>
      <c r="U82" s="59"/>
      <c r="V82" s="33"/>
      <c r="W82" s="59"/>
      <c r="X82" s="27"/>
      <c r="Y82" s="27"/>
      <c r="Z82" s="27"/>
      <c r="AA82" s="27"/>
      <c r="AB82" s="28"/>
      <c r="AC82" s="28"/>
      <c r="AD82" s="28"/>
      <c r="AE82" s="28"/>
      <c r="AF82" s="28"/>
      <c r="AG82" s="28"/>
      <c r="AH82" s="28"/>
      <c r="AI82" s="28"/>
      <c r="AJ82" s="28"/>
      <c r="AK82" s="29"/>
      <c r="AL82" s="29"/>
      <c r="AM82" s="30"/>
      <c r="AN82" s="171"/>
    </row>
    <row r="83" spans="1:41" s="46" customFormat="1" ht="9.75" customHeight="1">
      <c r="A83" s="47"/>
      <c r="B83" s="75"/>
      <c r="C83" s="33"/>
      <c r="D83" s="34"/>
      <c r="E83" s="175" t="s">
        <v>36</v>
      </c>
      <c r="F83" s="178" t="s">
        <v>205</v>
      </c>
      <c r="G83" s="48"/>
      <c r="H83" s="50"/>
      <c r="I83" s="48"/>
      <c r="J83" s="50"/>
      <c r="K83" s="51"/>
      <c r="L83" s="51"/>
      <c r="M83" s="52"/>
      <c r="N83" s="52"/>
      <c r="O83" s="76"/>
      <c r="P83" s="48"/>
      <c r="Q83" s="50"/>
      <c r="R83" s="48"/>
      <c r="S83" s="53"/>
      <c r="T83" s="54"/>
      <c r="U83" s="50"/>
      <c r="V83" s="48"/>
      <c r="W83" s="50"/>
      <c r="X83" s="55" t="s">
        <v>3</v>
      </c>
      <c r="Y83" s="55"/>
      <c r="Z83" s="55"/>
      <c r="AA83" s="55"/>
      <c r="AB83" s="56"/>
      <c r="AC83" s="56"/>
      <c r="AD83" s="56"/>
      <c r="AE83" s="56"/>
      <c r="AF83" s="56"/>
      <c r="AG83" s="56"/>
      <c r="AH83" s="56"/>
      <c r="AI83" s="56"/>
      <c r="AJ83" s="56"/>
      <c r="AK83" s="19"/>
      <c r="AL83" s="19"/>
      <c r="AM83" s="26"/>
      <c r="AN83" s="171"/>
    </row>
    <row r="84" spans="1:41" s="46" customFormat="1" ht="9.75" customHeight="1">
      <c r="A84" s="47"/>
      <c r="B84" s="75"/>
      <c r="C84" s="33"/>
      <c r="D84" s="34"/>
      <c r="E84" s="176"/>
      <c r="F84" s="179"/>
      <c r="G84" s="33"/>
      <c r="H84" s="59" t="s">
        <v>1043</v>
      </c>
      <c r="I84" s="33" t="s">
        <v>133</v>
      </c>
      <c r="J84" s="59" t="s">
        <v>1043</v>
      </c>
      <c r="K84" s="60" t="s">
        <v>30</v>
      </c>
      <c r="L84" s="60" t="s">
        <v>30</v>
      </c>
      <c r="M84" s="61"/>
      <c r="N84" s="61"/>
      <c r="O84" s="58"/>
      <c r="P84" s="33"/>
      <c r="Q84" s="59"/>
      <c r="R84" s="33" t="s">
        <v>30</v>
      </c>
      <c r="S84" s="62"/>
      <c r="T84" s="63" t="s">
        <v>30</v>
      </c>
      <c r="U84" s="59" t="s">
        <v>30</v>
      </c>
      <c r="V84" s="33"/>
      <c r="W84" s="59" t="s">
        <v>30</v>
      </c>
      <c r="X84" s="27"/>
      <c r="Y84" s="27"/>
      <c r="Z84" s="27"/>
      <c r="AA84" s="27"/>
      <c r="AB84" s="28"/>
      <c r="AC84" s="28"/>
      <c r="AD84" s="28"/>
      <c r="AE84" s="28"/>
      <c r="AF84" s="28"/>
      <c r="AG84" s="28"/>
      <c r="AH84" s="28"/>
      <c r="AI84" s="28"/>
      <c r="AJ84" s="28"/>
      <c r="AK84" s="29"/>
      <c r="AL84" s="29"/>
      <c r="AM84" s="30"/>
      <c r="AN84" s="171"/>
    </row>
    <row r="85" spans="1:41" s="46" customFormat="1" ht="9.75" customHeight="1">
      <c r="A85" s="167"/>
      <c r="B85" s="168"/>
      <c r="C85" s="95"/>
      <c r="D85" s="169"/>
      <c r="E85" s="263"/>
      <c r="F85" s="261"/>
      <c r="G85" s="95"/>
      <c r="H85" s="96"/>
      <c r="I85" s="95"/>
      <c r="J85" s="96"/>
      <c r="K85" s="97"/>
      <c r="L85" s="97"/>
      <c r="M85" s="98"/>
      <c r="N85" s="98"/>
      <c r="O85" s="99"/>
      <c r="P85" s="95"/>
      <c r="Q85" s="96"/>
      <c r="R85" s="95"/>
      <c r="S85" s="100"/>
      <c r="T85" s="101"/>
      <c r="U85" s="96"/>
      <c r="V85" s="95"/>
      <c r="W85" s="96"/>
      <c r="X85" s="163"/>
      <c r="Y85" s="163"/>
      <c r="Z85" s="163"/>
      <c r="AA85" s="163"/>
      <c r="AB85" s="164"/>
      <c r="AC85" s="164"/>
      <c r="AD85" s="164"/>
      <c r="AE85" s="164"/>
      <c r="AF85" s="164"/>
      <c r="AG85" s="164"/>
      <c r="AH85" s="164"/>
      <c r="AI85" s="164"/>
      <c r="AJ85" s="164"/>
      <c r="AK85" s="165"/>
      <c r="AL85" s="165"/>
      <c r="AM85" s="166"/>
      <c r="AN85" s="171"/>
    </row>
    <row r="86" spans="1:41" ht="9.75" customHeight="1">
      <c r="X86" s="32"/>
      <c r="Y86" s="32"/>
      <c r="Z86" s="32"/>
      <c r="AA86" s="32"/>
      <c r="AB86" s="32"/>
      <c r="AC86" s="32"/>
      <c r="AD86" s="32"/>
      <c r="AE86" s="32"/>
      <c r="AF86" s="32"/>
      <c r="AG86" s="32"/>
      <c r="AH86" s="32"/>
      <c r="AI86" s="32"/>
      <c r="AJ86" s="32"/>
      <c r="AK86" s="32"/>
      <c r="AL86" s="32"/>
      <c r="AM86" s="32"/>
      <c r="AN86" s="110"/>
    </row>
    <row r="87" spans="1:41" ht="9.75" customHeight="1">
      <c r="AN87" s="110"/>
    </row>
    <row r="88" spans="1:41" ht="9.75" customHeight="1">
      <c r="AN88" s="110"/>
    </row>
    <row r="89" spans="1:41" ht="9.75" customHeight="1">
      <c r="AN89" s="110"/>
    </row>
    <row r="90" spans="1:41" s="3" customFormat="1" ht="22.5" customHeight="1">
      <c r="A90" s="221"/>
      <c r="B90" s="221"/>
      <c r="C90" s="221"/>
      <c r="D90" s="221"/>
      <c r="E90" s="221"/>
      <c r="F90" s="221"/>
      <c r="G90" s="221"/>
      <c r="H90" s="221"/>
      <c r="I90" s="221"/>
      <c r="J90" s="221"/>
      <c r="K90" s="221"/>
      <c r="L90" s="221"/>
      <c r="M90" s="1"/>
      <c r="N90" s="222"/>
      <c r="O90" s="222"/>
      <c r="P90" s="222"/>
      <c r="Q90" s="222"/>
      <c r="R90" s="222"/>
      <c r="S90" s="222"/>
      <c r="T90" s="222"/>
      <c r="U90" s="222"/>
      <c r="V90" s="222"/>
      <c r="W90" s="222"/>
      <c r="X90" s="222"/>
      <c r="Y90" s="222"/>
      <c r="Z90" s="222"/>
      <c r="AA90" s="222"/>
      <c r="AB90" s="222"/>
      <c r="AC90" s="222"/>
      <c r="AD90" s="222"/>
      <c r="AE90" s="222"/>
      <c r="AF90" s="222"/>
      <c r="AG90" s="222"/>
      <c r="AH90" s="222"/>
      <c r="AI90" s="222"/>
      <c r="AJ90" s="222"/>
      <c r="AK90" s="222"/>
      <c r="AL90" s="222"/>
      <c r="AM90" s="222"/>
      <c r="AN90" s="172"/>
      <c r="AO90" s="2"/>
    </row>
    <row r="91" spans="1:41" s="3" customFormat="1" ht="11.25" customHeight="1">
      <c r="A91" s="4"/>
      <c r="B91" s="4"/>
      <c r="C91" s="4"/>
      <c r="D91" s="4"/>
      <c r="E91" s="4"/>
      <c r="F91" s="4"/>
      <c r="G91" s="4"/>
      <c r="H91" s="4"/>
      <c r="I91" s="4"/>
      <c r="J91" s="4"/>
      <c r="K91" s="4"/>
      <c r="L91" s="4"/>
      <c r="M91" s="4"/>
      <c r="N91" s="4"/>
      <c r="O91" s="4"/>
      <c r="P91" s="4"/>
      <c r="Q91" s="4"/>
      <c r="R91" s="4"/>
      <c r="S91" s="4"/>
      <c r="T91" s="4"/>
      <c r="U91" s="4"/>
      <c r="V91" s="4"/>
      <c r="W91" s="4"/>
      <c r="X91" s="4"/>
      <c r="Y91" s="4"/>
      <c r="Z91" s="4"/>
      <c r="AA91" s="4"/>
      <c r="AB91" s="4"/>
      <c r="AC91" s="4"/>
      <c r="AD91" s="4"/>
      <c r="AE91" s="4"/>
      <c r="AF91" s="4"/>
      <c r="AG91" s="4"/>
      <c r="AH91" s="4"/>
      <c r="AI91" s="4"/>
      <c r="AJ91" s="4"/>
      <c r="AK91" s="4"/>
      <c r="AL91" s="4"/>
      <c r="AM91" s="5"/>
      <c r="AN91" s="173"/>
      <c r="AO91" s="4"/>
    </row>
    <row r="92" spans="1:41" s="11" customFormat="1" ht="26.25" customHeight="1">
      <c r="A92" s="6"/>
      <c r="B92" s="7" t="s">
        <v>2</v>
      </c>
      <c r="C92" s="8"/>
      <c r="D92" s="9" t="s">
        <v>1045</v>
      </c>
      <c r="E92" s="6"/>
      <c r="F92" s="6"/>
      <c r="G92" s="6"/>
      <c r="H92" s="6"/>
      <c r="I92" s="6"/>
      <c r="J92" s="6"/>
      <c r="K92" s="6"/>
      <c r="L92" s="6"/>
      <c r="M92" s="6"/>
      <c r="N92" s="6"/>
      <c r="O92" s="6"/>
      <c r="P92" s="6"/>
      <c r="Q92" s="6"/>
      <c r="R92" s="6"/>
      <c r="S92" s="6"/>
      <c r="T92" s="6"/>
      <c r="U92" s="6"/>
      <c r="V92" s="6"/>
      <c r="W92" s="6"/>
      <c r="X92" s="6"/>
      <c r="Y92" s="6"/>
      <c r="Z92" s="6"/>
      <c r="AA92" s="6"/>
      <c r="AB92" s="6"/>
      <c r="AC92" s="6"/>
      <c r="AD92" s="6"/>
      <c r="AE92" s="6"/>
      <c r="AF92" s="6"/>
      <c r="AG92" s="6"/>
      <c r="AH92" s="6"/>
      <c r="AI92" s="6"/>
      <c r="AJ92" s="6"/>
      <c r="AK92" s="6"/>
      <c r="AL92" s="6"/>
      <c r="AM92" s="10" t="s">
        <v>3</v>
      </c>
      <c r="AN92" s="7"/>
      <c r="AO92" s="6"/>
    </row>
    <row r="93" spans="1:41" ht="13.5" customHeight="1">
      <c r="A93" s="223" t="s">
        <v>4</v>
      </c>
      <c r="B93" s="224"/>
      <c r="C93" s="195" t="s">
        <v>5</v>
      </c>
      <c r="D93" s="224"/>
      <c r="E93" s="195" t="s">
        <v>6</v>
      </c>
      <c r="F93" s="224"/>
      <c r="G93" s="227" t="s">
        <v>7</v>
      </c>
      <c r="H93" s="228"/>
      <c r="I93" s="228"/>
      <c r="J93" s="228"/>
      <c r="K93" s="228"/>
      <c r="L93" s="228"/>
      <c r="M93" s="228"/>
      <c r="N93" s="228"/>
      <c r="O93" s="228"/>
      <c r="P93" s="228"/>
      <c r="Q93" s="229"/>
      <c r="R93" s="195" t="s">
        <v>8</v>
      </c>
      <c r="S93" s="223" t="s">
        <v>9</v>
      </c>
      <c r="T93" s="197"/>
      <c r="U93" s="224" t="s">
        <v>10</v>
      </c>
      <c r="V93" s="195" t="s">
        <v>11</v>
      </c>
      <c r="W93" s="224"/>
      <c r="X93" s="195" t="s">
        <v>12</v>
      </c>
      <c r="Y93" s="196"/>
      <c r="Z93" s="196"/>
      <c r="AA93" s="196"/>
      <c r="AB93" s="196"/>
      <c r="AC93" s="196"/>
      <c r="AD93" s="196"/>
      <c r="AE93" s="196"/>
      <c r="AF93" s="196"/>
      <c r="AG93" s="196"/>
      <c r="AH93" s="196"/>
      <c r="AI93" s="196"/>
      <c r="AJ93" s="196"/>
      <c r="AK93" s="196"/>
      <c r="AL93" s="196"/>
      <c r="AM93" s="197"/>
      <c r="AN93" s="174"/>
      <c r="AO93" s="12"/>
    </row>
    <row r="94" spans="1:41" ht="13.5" customHeight="1">
      <c r="A94" s="225"/>
      <c r="B94" s="184"/>
      <c r="C94" s="198"/>
      <c r="D94" s="184"/>
      <c r="E94" s="198"/>
      <c r="F94" s="184"/>
      <c r="G94" s="203" t="s">
        <v>13</v>
      </c>
      <c r="H94" s="204"/>
      <c r="I94" s="203" t="s">
        <v>14</v>
      </c>
      <c r="J94" s="204"/>
      <c r="K94" s="206" t="s">
        <v>15</v>
      </c>
      <c r="L94" s="209" t="s">
        <v>16</v>
      </c>
      <c r="M94" s="14"/>
      <c r="N94" s="212" t="s">
        <v>17</v>
      </c>
      <c r="O94" s="212"/>
      <c r="P94" s="212"/>
      <c r="Q94" s="213"/>
      <c r="R94" s="198"/>
      <c r="S94" s="225"/>
      <c r="T94" s="199"/>
      <c r="U94" s="184"/>
      <c r="V94" s="198"/>
      <c r="W94" s="184"/>
      <c r="X94" s="198"/>
      <c r="Y94" s="183"/>
      <c r="Z94" s="183"/>
      <c r="AA94" s="183"/>
      <c r="AB94" s="183"/>
      <c r="AC94" s="183"/>
      <c r="AD94" s="183"/>
      <c r="AE94" s="183"/>
      <c r="AF94" s="183"/>
      <c r="AG94" s="183"/>
      <c r="AH94" s="183"/>
      <c r="AI94" s="183"/>
      <c r="AJ94" s="183"/>
      <c r="AK94" s="183"/>
      <c r="AL94" s="183"/>
      <c r="AM94" s="199"/>
      <c r="AN94" s="174"/>
      <c r="AO94" s="12"/>
    </row>
    <row r="95" spans="1:41" ht="4.5" customHeight="1">
      <c r="A95" s="225"/>
      <c r="B95" s="184"/>
      <c r="C95" s="198"/>
      <c r="D95" s="184"/>
      <c r="E95" s="198"/>
      <c r="F95" s="184"/>
      <c r="G95" s="198"/>
      <c r="H95" s="184"/>
      <c r="I95" s="198"/>
      <c r="J95" s="184"/>
      <c r="K95" s="207"/>
      <c r="L95" s="210"/>
      <c r="M95" s="15"/>
      <c r="N95" s="214" t="s">
        <v>18</v>
      </c>
      <c r="O95" s="204"/>
      <c r="P95" s="215" t="s">
        <v>19</v>
      </c>
      <c r="Q95" s="216"/>
      <c r="R95" s="198"/>
      <c r="S95" s="225"/>
      <c r="T95" s="199"/>
      <c r="U95" s="184"/>
      <c r="V95" s="198"/>
      <c r="W95" s="184"/>
      <c r="X95" s="198"/>
      <c r="Y95" s="183"/>
      <c r="Z95" s="183"/>
      <c r="AA95" s="183"/>
      <c r="AB95" s="183"/>
      <c r="AC95" s="183"/>
      <c r="AD95" s="183"/>
      <c r="AE95" s="183"/>
      <c r="AF95" s="183"/>
      <c r="AG95" s="183"/>
      <c r="AH95" s="183"/>
      <c r="AI95" s="183"/>
      <c r="AJ95" s="183"/>
      <c r="AK95" s="183"/>
      <c r="AL95" s="183"/>
      <c r="AM95" s="199"/>
      <c r="AN95" s="174"/>
      <c r="AO95" s="12"/>
    </row>
    <row r="96" spans="1:41" ht="4.5" customHeight="1">
      <c r="A96" s="225"/>
      <c r="B96" s="184"/>
      <c r="C96" s="198"/>
      <c r="D96" s="184"/>
      <c r="E96" s="198"/>
      <c r="F96" s="184"/>
      <c r="G96" s="198"/>
      <c r="H96" s="184"/>
      <c r="I96" s="198"/>
      <c r="J96" s="184"/>
      <c r="K96" s="207"/>
      <c r="L96" s="210"/>
      <c r="M96" s="15"/>
      <c r="N96" s="183"/>
      <c r="O96" s="184"/>
      <c r="P96" s="217"/>
      <c r="Q96" s="218"/>
      <c r="R96" s="198"/>
      <c r="S96" s="225"/>
      <c r="T96" s="199"/>
      <c r="U96" s="184"/>
      <c r="V96" s="198"/>
      <c r="W96" s="184"/>
      <c r="X96" s="198"/>
      <c r="Y96" s="183"/>
      <c r="Z96" s="183"/>
      <c r="AA96" s="183"/>
      <c r="AB96" s="183"/>
      <c r="AC96" s="183"/>
      <c r="AD96" s="183"/>
      <c r="AE96" s="183"/>
      <c r="AF96" s="183"/>
      <c r="AG96" s="183"/>
      <c r="AH96" s="183"/>
      <c r="AI96" s="183"/>
      <c r="AJ96" s="183"/>
      <c r="AK96" s="183"/>
      <c r="AL96" s="183"/>
      <c r="AM96" s="199"/>
      <c r="AN96" s="174"/>
      <c r="AO96" s="12"/>
    </row>
    <row r="97" spans="1:41" ht="4.5" customHeight="1">
      <c r="A97" s="226"/>
      <c r="B97" s="205"/>
      <c r="C97" s="200"/>
      <c r="D97" s="205"/>
      <c r="E97" s="200"/>
      <c r="F97" s="205"/>
      <c r="G97" s="200"/>
      <c r="H97" s="205"/>
      <c r="I97" s="200"/>
      <c r="J97" s="205"/>
      <c r="K97" s="208"/>
      <c r="L97" s="211"/>
      <c r="M97" s="16"/>
      <c r="N97" s="201"/>
      <c r="O97" s="205"/>
      <c r="P97" s="219"/>
      <c r="Q97" s="220"/>
      <c r="R97" s="200"/>
      <c r="S97" s="226"/>
      <c r="T97" s="202"/>
      <c r="U97" s="205"/>
      <c r="V97" s="200"/>
      <c r="W97" s="205"/>
      <c r="X97" s="200"/>
      <c r="Y97" s="201"/>
      <c r="Z97" s="201"/>
      <c r="AA97" s="201"/>
      <c r="AB97" s="201"/>
      <c r="AC97" s="201"/>
      <c r="AD97" s="201"/>
      <c r="AE97" s="201"/>
      <c r="AF97" s="201"/>
      <c r="AG97" s="201"/>
      <c r="AH97" s="201"/>
      <c r="AI97" s="201"/>
      <c r="AJ97" s="201"/>
      <c r="AK97" s="201"/>
      <c r="AL97" s="201"/>
      <c r="AM97" s="202"/>
      <c r="AN97" s="174"/>
      <c r="AO97" s="12"/>
    </row>
    <row r="98" spans="1:41" s="32" customFormat="1" ht="9" customHeight="1">
      <c r="A98" s="17"/>
      <c r="B98" s="18"/>
      <c r="C98" s="19"/>
      <c r="D98" s="18"/>
      <c r="E98" s="19"/>
      <c r="F98" s="18"/>
      <c r="G98" s="20"/>
      <c r="H98" s="21" t="s">
        <v>20</v>
      </c>
      <c r="I98" s="20"/>
      <c r="J98" s="21" t="s">
        <v>20</v>
      </c>
      <c r="K98" s="22" t="s">
        <v>20</v>
      </c>
      <c r="L98" s="23" t="s">
        <v>20</v>
      </c>
      <c r="M98" s="19"/>
      <c r="N98" s="19"/>
      <c r="O98" s="24"/>
      <c r="P98" s="20"/>
      <c r="Q98" s="21" t="s">
        <v>20</v>
      </c>
      <c r="R98" s="20" t="s">
        <v>20</v>
      </c>
      <c r="S98" s="25"/>
      <c r="T98" s="26" t="s">
        <v>20</v>
      </c>
      <c r="U98" s="21" t="s">
        <v>20</v>
      </c>
      <c r="V98" s="20"/>
      <c r="W98" s="21" t="s">
        <v>20</v>
      </c>
      <c r="X98" s="27"/>
      <c r="Y98" s="27"/>
      <c r="Z98" s="27"/>
      <c r="AA98" s="27"/>
      <c r="AB98" s="28"/>
      <c r="AC98" s="28"/>
      <c r="AD98" s="28"/>
      <c r="AE98" s="28"/>
      <c r="AF98" s="28"/>
      <c r="AG98" s="28"/>
      <c r="AH98" s="28"/>
      <c r="AI98" s="28"/>
      <c r="AJ98" s="28"/>
      <c r="AK98" s="29"/>
      <c r="AL98" s="29"/>
      <c r="AM98" s="30"/>
      <c r="AN98" s="28"/>
      <c r="AO98" s="31"/>
    </row>
    <row r="99" spans="1:41" s="46" customFormat="1" ht="9.75" customHeight="1">
      <c r="A99" s="47"/>
      <c r="B99" s="75"/>
      <c r="C99" s="262" t="s">
        <v>352</v>
      </c>
      <c r="D99" s="248" t="s">
        <v>53</v>
      </c>
      <c r="E99" s="33"/>
      <c r="F99" s="34"/>
      <c r="G99" s="33"/>
      <c r="H99" s="59"/>
      <c r="I99" s="33"/>
      <c r="J99" s="59"/>
      <c r="K99" s="60"/>
      <c r="L99" s="60"/>
      <c r="M99" s="61"/>
      <c r="N99" s="61"/>
      <c r="O99" s="58"/>
      <c r="P99" s="33"/>
      <c r="Q99" s="59"/>
      <c r="R99" s="33"/>
      <c r="S99" s="62"/>
      <c r="T99" s="63"/>
      <c r="U99" s="59"/>
      <c r="V99" s="33"/>
      <c r="W99" s="59"/>
      <c r="X99" s="27" t="s">
        <v>23</v>
      </c>
      <c r="Y99" s="27"/>
      <c r="Z99" s="27"/>
      <c r="AA99" s="27"/>
      <c r="AB99" s="28"/>
      <c r="AC99" s="28"/>
      <c r="AD99" s="28"/>
      <c r="AE99" s="28"/>
      <c r="AF99" s="28"/>
      <c r="AG99" s="28"/>
      <c r="AH99" s="28"/>
      <c r="AI99" s="28"/>
      <c r="AJ99" s="28"/>
      <c r="AK99" s="29"/>
      <c r="AL99" s="29"/>
      <c r="AM99" s="30" t="s">
        <v>1046</v>
      </c>
      <c r="AN99" s="171"/>
    </row>
    <row r="100" spans="1:41" s="46" customFormat="1" ht="9.75" customHeight="1">
      <c r="A100" s="47"/>
      <c r="B100" s="75"/>
      <c r="C100" s="176"/>
      <c r="D100" s="179"/>
      <c r="E100" s="33"/>
      <c r="F100" s="34"/>
      <c r="G100" s="33"/>
      <c r="H100" s="59" t="s">
        <v>286</v>
      </c>
      <c r="I100" s="33"/>
      <c r="J100" s="59" t="s">
        <v>1047</v>
      </c>
      <c r="K100" s="60" t="s">
        <v>1048</v>
      </c>
      <c r="L100" s="60" t="s">
        <v>1049</v>
      </c>
      <c r="M100" s="61"/>
      <c r="N100" s="61"/>
      <c r="O100" s="58"/>
      <c r="P100" s="33"/>
      <c r="Q100" s="59"/>
      <c r="R100" s="33" t="s">
        <v>1050</v>
      </c>
      <c r="S100" s="62"/>
      <c r="T100" s="63" t="s">
        <v>1050</v>
      </c>
      <c r="U100" s="59" t="s">
        <v>30</v>
      </c>
      <c r="V100" s="33"/>
      <c r="W100" s="59" t="s">
        <v>30</v>
      </c>
      <c r="X100" s="27"/>
      <c r="Y100" s="27"/>
      <c r="Z100" s="27"/>
      <c r="AA100" s="27"/>
      <c r="AB100" s="28"/>
      <c r="AC100" s="28"/>
      <c r="AD100" s="28"/>
      <c r="AE100" s="28"/>
      <c r="AF100" s="28"/>
      <c r="AG100" s="28"/>
      <c r="AH100" s="28"/>
      <c r="AI100" s="28"/>
      <c r="AJ100" s="28"/>
      <c r="AK100" s="29"/>
      <c r="AL100" s="29"/>
      <c r="AM100" s="30"/>
      <c r="AN100" s="171"/>
    </row>
    <row r="101" spans="1:41" s="46" customFormat="1" ht="9.75" customHeight="1">
      <c r="A101" s="47"/>
      <c r="B101" s="75"/>
      <c r="C101" s="176"/>
      <c r="D101" s="179"/>
      <c r="E101" s="33"/>
      <c r="F101" s="34"/>
      <c r="G101" s="33"/>
      <c r="H101" s="59"/>
      <c r="I101" s="33"/>
      <c r="J101" s="59"/>
      <c r="K101" s="60"/>
      <c r="L101" s="60"/>
      <c r="M101" s="61"/>
      <c r="N101" s="61"/>
      <c r="O101" s="58"/>
      <c r="P101" s="33"/>
      <c r="Q101" s="59"/>
      <c r="R101" s="33"/>
      <c r="S101" s="62"/>
      <c r="T101" s="63"/>
      <c r="U101" s="59"/>
      <c r="V101" s="33"/>
      <c r="W101" s="59"/>
      <c r="X101" s="27"/>
      <c r="Y101" s="27"/>
      <c r="Z101" s="27"/>
      <c r="AA101" s="27"/>
      <c r="AB101" s="28"/>
      <c r="AC101" s="28"/>
      <c r="AD101" s="28"/>
      <c r="AE101" s="28"/>
      <c r="AF101" s="28"/>
      <c r="AG101" s="28"/>
      <c r="AH101" s="28"/>
      <c r="AI101" s="28"/>
      <c r="AJ101" s="28"/>
      <c r="AK101" s="29"/>
      <c r="AL101" s="29"/>
      <c r="AM101" s="30"/>
      <c r="AN101" s="171"/>
    </row>
    <row r="102" spans="1:41" s="46" customFormat="1" ht="9.75" customHeight="1">
      <c r="A102" s="47"/>
      <c r="B102" s="39"/>
      <c r="C102" s="33"/>
      <c r="D102" s="34"/>
      <c r="E102" s="175" t="s">
        <v>21</v>
      </c>
      <c r="F102" s="178" t="s">
        <v>53</v>
      </c>
      <c r="G102" s="48"/>
      <c r="H102" s="50"/>
      <c r="I102" s="48"/>
      <c r="J102" s="50"/>
      <c r="K102" s="51"/>
      <c r="L102" s="51"/>
      <c r="M102" s="52"/>
      <c r="N102" s="52"/>
      <c r="O102" s="49"/>
      <c r="P102" s="48"/>
      <c r="Q102" s="50"/>
      <c r="R102" s="48"/>
      <c r="S102" s="53"/>
      <c r="T102" s="54"/>
      <c r="U102" s="50"/>
      <c r="V102" s="48"/>
      <c r="W102" s="50"/>
      <c r="X102" s="55" t="s">
        <v>23</v>
      </c>
      <c r="Y102" s="55"/>
      <c r="Z102" s="55"/>
      <c r="AA102" s="55"/>
      <c r="AB102" s="56"/>
      <c r="AC102" s="56"/>
      <c r="AD102" s="56"/>
      <c r="AE102" s="56"/>
      <c r="AF102" s="56"/>
      <c r="AG102" s="56"/>
      <c r="AH102" s="56"/>
      <c r="AI102" s="56"/>
      <c r="AJ102" s="56"/>
      <c r="AK102" s="19"/>
      <c r="AL102" s="19"/>
      <c r="AM102" s="26" t="s">
        <v>1046</v>
      </c>
      <c r="AN102" s="171"/>
    </row>
    <row r="103" spans="1:41" s="46" customFormat="1" ht="9.75" customHeight="1">
      <c r="A103" s="57"/>
      <c r="B103" s="58"/>
      <c r="C103" s="33"/>
      <c r="D103" s="34"/>
      <c r="E103" s="176"/>
      <c r="F103" s="179"/>
      <c r="G103" s="33"/>
      <c r="H103" s="59" t="s">
        <v>286</v>
      </c>
      <c r="I103" s="33"/>
      <c r="J103" s="59" t="s">
        <v>1047</v>
      </c>
      <c r="K103" s="60" t="s">
        <v>1048</v>
      </c>
      <c r="L103" s="60" t="s">
        <v>1049</v>
      </c>
      <c r="M103" s="61"/>
      <c r="N103" s="61"/>
      <c r="O103" s="34"/>
      <c r="P103" s="33"/>
      <c r="Q103" s="59"/>
      <c r="R103" s="33" t="s">
        <v>1050</v>
      </c>
      <c r="S103" s="62"/>
      <c r="T103" s="63" t="s">
        <v>1050</v>
      </c>
      <c r="U103" s="59" t="s">
        <v>30</v>
      </c>
      <c r="V103" s="33"/>
      <c r="W103" s="59" t="s">
        <v>30</v>
      </c>
      <c r="X103" s="27"/>
      <c r="Y103" s="27"/>
      <c r="Z103" s="27"/>
      <c r="AA103" s="27"/>
      <c r="AB103" s="28"/>
      <c r="AC103" s="28"/>
      <c r="AD103" s="28"/>
      <c r="AE103" s="28"/>
      <c r="AF103" s="28"/>
      <c r="AG103" s="28"/>
      <c r="AH103" s="28"/>
      <c r="AI103" s="28"/>
      <c r="AJ103" s="28"/>
      <c r="AK103" s="29"/>
      <c r="AL103" s="29"/>
      <c r="AM103" s="30"/>
      <c r="AN103" s="171"/>
    </row>
    <row r="104" spans="1:41" s="46" customFormat="1" ht="9.75" customHeight="1">
      <c r="A104" s="57"/>
      <c r="B104" s="58"/>
      <c r="C104" s="64"/>
      <c r="D104" s="77"/>
      <c r="E104" s="177"/>
      <c r="F104" s="180"/>
      <c r="G104" s="64"/>
      <c r="H104" s="66"/>
      <c r="I104" s="64"/>
      <c r="J104" s="66"/>
      <c r="K104" s="67"/>
      <c r="L104" s="67"/>
      <c r="M104" s="68"/>
      <c r="N104" s="68"/>
      <c r="O104" s="77"/>
      <c r="P104" s="64"/>
      <c r="Q104" s="66"/>
      <c r="R104" s="64"/>
      <c r="S104" s="69"/>
      <c r="T104" s="70"/>
      <c r="U104" s="66"/>
      <c r="V104" s="64"/>
      <c r="W104" s="66"/>
      <c r="X104" s="71"/>
      <c r="Y104" s="71"/>
      <c r="Z104" s="71"/>
      <c r="AA104" s="71"/>
      <c r="AB104" s="72"/>
      <c r="AC104" s="72"/>
      <c r="AD104" s="72"/>
      <c r="AE104" s="72"/>
      <c r="AF104" s="72"/>
      <c r="AG104" s="72"/>
      <c r="AH104" s="72"/>
      <c r="AI104" s="72"/>
      <c r="AJ104" s="72"/>
      <c r="AK104" s="73"/>
      <c r="AL104" s="73"/>
      <c r="AM104" s="74"/>
      <c r="AN104" s="171"/>
    </row>
    <row r="105" spans="1:41" s="46" customFormat="1" ht="9.75" customHeight="1">
      <c r="A105" s="47"/>
      <c r="B105" s="75"/>
      <c r="C105" s="175" t="s">
        <v>302</v>
      </c>
      <c r="D105" s="178" t="s">
        <v>58</v>
      </c>
      <c r="E105" s="48"/>
      <c r="F105" s="49"/>
      <c r="G105" s="48"/>
      <c r="H105" s="50"/>
      <c r="I105" s="48"/>
      <c r="J105" s="50"/>
      <c r="K105" s="51"/>
      <c r="L105" s="51"/>
      <c r="M105" s="52"/>
      <c r="N105" s="52"/>
      <c r="O105" s="76"/>
      <c r="P105" s="48"/>
      <c r="Q105" s="50"/>
      <c r="R105" s="48"/>
      <c r="S105" s="53"/>
      <c r="T105" s="54"/>
      <c r="U105" s="50"/>
      <c r="V105" s="48"/>
      <c r="W105" s="50"/>
      <c r="X105" s="55" t="s">
        <v>3</v>
      </c>
      <c r="Y105" s="55"/>
      <c r="Z105" s="55"/>
      <c r="AA105" s="55"/>
      <c r="AB105" s="56"/>
      <c r="AC105" s="56"/>
      <c r="AD105" s="56"/>
      <c r="AE105" s="56"/>
      <c r="AF105" s="56"/>
      <c r="AG105" s="56"/>
      <c r="AH105" s="56"/>
      <c r="AI105" s="56"/>
      <c r="AJ105" s="56"/>
      <c r="AK105" s="19"/>
      <c r="AL105" s="19"/>
      <c r="AM105" s="26"/>
      <c r="AN105" s="171"/>
    </row>
    <row r="106" spans="1:41" s="46" customFormat="1" ht="9.75" customHeight="1">
      <c r="A106" s="47"/>
      <c r="B106" s="75"/>
      <c r="C106" s="176"/>
      <c r="D106" s="179"/>
      <c r="E106" s="33"/>
      <c r="F106" s="34"/>
      <c r="G106" s="33"/>
      <c r="H106" s="59" t="s">
        <v>1051</v>
      </c>
      <c r="I106" s="33"/>
      <c r="J106" s="59" t="s">
        <v>1052</v>
      </c>
      <c r="K106" s="60" t="s">
        <v>30</v>
      </c>
      <c r="L106" s="60" t="s">
        <v>1053</v>
      </c>
      <c r="M106" s="61"/>
      <c r="N106" s="61"/>
      <c r="O106" s="58"/>
      <c r="P106" s="33"/>
      <c r="Q106" s="59"/>
      <c r="R106" s="33" t="s">
        <v>1054</v>
      </c>
      <c r="S106" s="62"/>
      <c r="T106" s="63" t="s">
        <v>1055</v>
      </c>
      <c r="U106" s="59" t="s">
        <v>1056</v>
      </c>
      <c r="V106" s="33"/>
      <c r="W106" s="59" t="s">
        <v>1057</v>
      </c>
      <c r="X106" s="27"/>
      <c r="Y106" s="27"/>
      <c r="Z106" s="27"/>
      <c r="AA106" s="27"/>
      <c r="AB106" s="28"/>
      <c r="AC106" s="28"/>
      <c r="AD106" s="28"/>
      <c r="AE106" s="28"/>
      <c r="AF106" s="28"/>
      <c r="AG106" s="28"/>
      <c r="AH106" s="28"/>
      <c r="AI106" s="28"/>
      <c r="AJ106" s="28"/>
      <c r="AK106" s="29"/>
      <c r="AL106" s="29"/>
      <c r="AM106" s="30"/>
      <c r="AN106" s="171"/>
    </row>
    <row r="107" spans="1:41" s="46" customFormat="1" ht="9.75" customHeight="1">
      <c r="A107" s="47"/>
      <c r="B107" s="75"/>
      <c r="C107" s="176"/>
      <c r="D107" s="179"/>
      <c r="E107" s="33"/>
      <c r="F107" s="34"/>
      <c r="G107" s="33"/>
      <c r="H107" s="59"/>
      <c r="I107" s="33"/>
      <c r="J107" s="59"/>
      <c r="K107" s="60"/>
      <c r="L107" s="60"/>
      <c r="M107" s="61"/>
      <c r="N107" s="61"/>
      <c r="O107" s="58"/>
      <c r="P107" s="33"/>
      <c r="Q107" s="59"/>
      <c r="R107" s="33"/>
      <c r="S107" s="62"/>
      <c r="T107" s="63"/>
      <c r="U107" s="59"/>
      <c r="V107" s="33"/>
      <c r="W107" s="59"/>
      <c r="X107" s="27"/>
      <c r="Y107" s="27"/>
      <c r="Z107" s="27"/>
      <c r="AA107" s="27"/>
      <c r="AB107" s="28"/>
      <c r="AC107" s="28"/>
      <c r="AD107" s="28"/>
      <c r="AE107" s="28"/>
      <c r="AF107" s="28"/>
      <c r="AG107" s="28"/>
      <c r="AH107" s="28"/>
      <c r="AI107" s="28"/>
      <c r="AJ107" s="28"/>
      <c r="AK107" s="29"/>
      <c r="AL107" s="29"/>
      <c r="AM107" s="30"/>
      <c r="AN107" s="171"/>
    </row>
    <row r="108" spans="1:41" s="46" customFormat="1" ht="9.75" customHeight="1">
      <c r="A108" s="47"/>
      <c r="B108" s="39"/>
      <c r="C108" s="33"/>
      <c r="D108" s="34"/>
      <c r="E108" s="175" t="s">
        <v>21</v>
      </c>
      <c r="F108" s="178" t="s">
        <v>61</v>
      </c>
      <c r="G108" s="48"/>
      <c r="H108" s="50"/>
      <c r="I108" s="48"/>
      <c r="J108" s="50"/>
      <c r="K108" s="51"/>
      <c r="L108" s="51"/>
      <c r="M108" s="52"/>
      <c r="N108" s="52"/>
      <c r="O108" s="49"/>
      <c r="P108" s="48"/>
      <c r="Q108" s="50"/>
      <c r="R108" s="48"/>
      <c r="S108" s="53"/>
      <c r="T108" s="54"/>
      <c r="U108" s="50"/>
      <c r="V108" s="48"/>
      <c r="W108" s="50"/>
      <c r="X108" s="55" t="s">
        <v>3</v>
      </c>
      <c r="Y108" s="55"/>
      <c r="Z108" s="55"/>
      <c r="AA108" s="55"/>
      <c r="AB108" s="56"/>
      <c r="AC108" s="56"/>
      <c r="AD108" s="56"/>
      <c r="AE108" s="56"/>
      <c r="AF108" s="56"/>
      <c r="AG108" s="56"/>
      <c r="AH108" s="56"/>
      <c r="AI108" s="56"/>
      <c r="AJ108" s="56"/>
      <c r="AK108" s="19"/>
      <c r="AL108" s="19"/>
      <c r="AM108" s="26"/>
      <c r="AN108" s="171"/>
    </row>
    <row r="109" spans="1:41" s="46" customFormat="1" ht="9.75" customHeight="1">
      <c r="A109" s="57"/>
      <c r="B109" s="58"/>
      <c r="C109" s="33"/>
      <c r="D109" s="34"/>
      <c r="E109" s="176"/>
      <c r="F109" s="179"/>
      <c r="G109" s="33"/>
      <c r="H109" s="59" t="s">
        <v>355</v>
      </c>
      <c r="I109" s="33"/>
      <c r="J109" s="59" t="s">
        <v>30</v>
      </c>
      <c r="K109" s="60" t="s">
        <v>30</v>
      </c>
      <c r="L109" s="60" t="s">
        <v>355</v>
      </c>
      <c r="M109" s="61"/>
      <c r="N109" s="61"/>
      <c r="O109" s="34"/>
      <c r="P109" s="33"/>
      <c r="Q109" s="59"/>
      <c r="R109" s="33" t="s">
        <v>1058</v>
      </c>
      <c r="S109" s="62"/>
      <c r="T109" s="63" t="s">
        <v>1058</v>
      </c>
      <c r="U109" s="59" t="s">
        <v>30</v>
      </c>
      <c r="V109" s="33"/>
      <c r="W109" s="59" t="s">
        <v>30</v>
      </c>
      <c r="X109" s="27"/>
      <c r="Y109" s="27"/>
      <c r="Z109" s="27"/>
      <c r="AA109" s="27"/>
      <c r="AB109" s="28"/>
      <c r="AC109" s="28"/>
      <c r="AD109" s="28"/>
      <c r="AE109" s="28"/>
      <c r="AF109" s="28"/>
      <c r="AG109" s="28"/>
      <c r="AH109" s="28"/>
      <c r="AI109" s="28"/>
      <c r="AJ109" s="28"/>
      <c r="AK109" s="29"/>
      <c r="AL109" s="29"/>
      <c r="AM109" s="30"/>
      <c r="AN109" s="171"/>
    </row>
    <row r="110" spans="1:41" s="46" customFormat="1" ht="9.75" customHeight="1">
      <c r="A110" s="57"/>
      <c r="B110" s="58"/>
      <c r="C110" s="33"/>
      <c r="D110" s="34"/>
      <c r="E110" s="177"/>
      <c r="F110" s="180"/>
      <c r="G110" s="33"/>
      <c r="H110" s="59"/>
      <c r="I110" s="33"/>
      <c r="J110" s="59"/>
      <c r="K110" s="60"/>
      <c r="L110" s="60"/>
      <c r="M110" s="61"/>
      <c r="N110" s="61"/>
      <c r="O110" s="34"/>
      <c r="P110" s="33"/>
      <c r="Q110" s="59"/>
      <c r="R110" s="33"/>
      <c r="S110" s="62"/>
      <c r="T110" s="63"/>
      <c r="U110" s="59"/>
      <c r="V110" s="33"/>
      <c r="W110" s="59"/>
      <c r="X110" s="27"/>
      <c r="Y110" s="27"/>
      <c r="Z110" s="27"/>
      <c r="AA110" s="27"/>
      <c r="AB110" s="28"/>
      <c r="AC110" s="28"/>
      <c r="AD110" s="28"/>
      <c r="AE110" s="28"/>
      <c r="AF110" s="28"/>
      <c r="AG110" s="28"/>
      <c r="AH110" s="28"/>
      <c r="AI110" s="28"/>
      <c r="AJ110" s="28"/>
      <c r="AK110" s="29"/>
      <c r="AL110" s="29"/>
      <c r="AM110" s="30"/>
      <c r="AN110" s="171"/>
    </row>
    <row r="111" spans="1:41" s="46" customFormat="1" ht="9.75" customHeight="1">
      <c r="A111" s="47"/>
      <c r="B111" s="75"/>
      <c r="C111" s="33"/>
      <c r="D111" s="34"/>
      <c r="E111" s="175" t="s">
        <v>36</v>
      </c>
      <c r="F111" s="178" t="s">
        <v>1059</v>
      </c>
      <c r="G111" s="48"/>
      <c r="H111" s="50"/>
      <c r="I111" s="48"/>
      <c r="J111" s="50"/>
      <c r="K111" s="51"/>
      <c r="L111" s="51"/>
      <c r="M111" s="52"/>
      <c r="N111" s="52"/>
      <c r="O111" s="76"/>
      <c r="P111" s="48"/>
      <c r="Q111" s="50"/>
      <c r="R111" s="48"/>
      <c r="S111" s="53"/>
      <c r="T111" s="54"/>
      <c r="U111" s="50"/>
      <c r="V111" s="48"/>
      <c r="W111" s="50"/>
      <c r="X111" s="55" t="s">
        <v>3</v>
      </c>
      <c r="Y111" s="55"/>
      <c r="Z111" s="55"/>
      <c r="AA111" s="55"/>
      <c r="AB111" s="56"/>
      <c r="AC111" s="56"/>
      <c r="AD111" s="56"/>
      <c r="AE111" s="56"/>
      <c r="AF111" s="56"/>
      <c r="AG111" s="56"/>
      <c r="AH111" s="56"/>
      <c r="AI111" s="56"/>
      <c r="AJ111" s="56"/>
      <c r="AK111" s="19"/>
      <c r="AL111" s="19"/>
      <c r="AM111" s="26"/>
      <c r="AN111" s="171"/>
    </row>
    <row r="112" spans="1:41" s="46" customFormat="1" ht="9.75" customHeight="1">
      <c r="A112" s="47"/>
      <c r="B112" s="75"/>
      <c r="C112" s="33"/>
      <c r="D112" s="34"/>
      <c r="E112" s="176"/>
      <c r="F112" s="179"/>
      <c r="G112" s="33"/>
      <c r="H112" s="59" t="s">
        <v>1060</v>
      </c>
      <c r="I112" s="33"/>
      <c r="J112" s="59" t="s">
        <v>1061</v>
      </c>
      <c r="K112" s="60" t="s">
        <v>30</v>
      </c>
      <c r="L112" s="60" t="s">
        <v>1062</v>
      </c>
      <c r="M112" s="61"/>
      <c r="N112" s="61"/>
      <c r="O112" s="58"/>
      <c r="P112" s="33"/>
      <c r="Q112" s="59"/>
      <c r="R112" s="33" t="s">
        <v>1063</v>
      </c>
      <c r="S112" s="62"/>
      <c r="T112" s="63" t="s">
        <v>1063</v>
      </c>
      <c r="U112" s="59" t="s">
        <v>30</v>
      </c>
      <c r="V112" s="33"/>
      <c r="W112" s="59" t="s">
        <v>30</v>
      </c>
      <c r="X112" s="27"/>
      <c r="Y112" s="27"/>
      <c r="Z112" s="27"/>
      <c r="AA112" s="27"/>
      <c r="AB112" s="28"/>
      <c r="AC112" s="28"/>
      <c r="AD112" s="28"/>
      <c r="AE112" s="28"/>
      <c r="AF112" s="28"/>
      <c r="AG112" s="28"/>
      <c r="AH112" s="28"/>
      <c r="AI112" s="28"/>
      <c r="AJ112" s="28"/>
      <c r="AK112" s="29"/>
      <c r="AL112" s="29"/>
      <c r="AM112" s="30"/>
      <c r="AN112" s="171"/>
    </row>
    <row r="113" spans="1:40" s="46" customFormat="1" ht="9.75" customHeight="1">
      <c r="A113" s="47"/>
      <c r="B113" s="75"/>
      <c r="C113" s="33"/>
      <c r="D113" s="34"/>
      <c r="E113" s="176"/>
      <c r="F113" s="179"/>
      <c r="G113" s="33"/>
      <c r="H113" s="59"/>
      <c r="I113" s="33"/>
      <c r="J113" s="59"/>
      <c r="K113" s="60"/>
      <c r="L113" s="60"/>
      <c r="M113" s="61"/>
      <c r="N113" s="61"/>
      <c r="O113" s="58"/>
      <c r="P113" s="33"/>
      <c r="Q113" s="59"/>
      <c r="R113" s="33"/>
      <c r="S113" s="62"/>
      <c r="T113" s="63"/>
      <c r="U113" s="59"/>
      <c r="V113" s="33"/>
      <c r="W113" s="59"/>
      <c r="X113" s="27"/>
      <c r="Y113" s="27"/>
      <c r="Z113" s="27"/>
      <c r="AA113" s="27"/>
      <c r="AB113" s="28"/>
      <c r="AC113" s="28"/>
      <c r="AD113" s="28"/>
      <c r="AE113" s="28"/>
      <c r="AF113" s="28"/>
      <c r="AG113" s="28"/>
      <c r="AH113" s="28"/>
      <c r="AI113" s="28"/>
      <c r="AJ113" s="28"/>
      <c r="AK113" s="29"/>
      <c r="AL113" s="29"/>
      <c r="AM113" s="30"/>
      <c r="AN113" s="171"/>
    </row>
    <row r="114" spans="1:40" s="46" customFormat="1" ht="9.75" customHeight="1">
      <c r="A114" s="47"/>
      <c r="B114" s="39"/>
      <c r="C114" s="33"/>
      <c r="D114" s="34"/>
      <c r="E114" s="33"/>
      <c r="F114" s="34"/>
      <c r="G114" s="33"/>
      <c r="H114" s="59"/>
      <c r="I114" s="33"/>
      <c r="J114" s="59"/>
      <c r="K114" s="60"/>
      <c r="L114" s="60"/>
      <c r="M114" s="61"/>
      <c r="N114" s="185" t="s">
        <v>21</v>
      </c>
      <c r="O114" s="188" t="s">
        <v>1064</v>
      </c>
      <c r="P114" s="48"/>
      <c r="Q114" s="50"/>
      <c r="R114" s="48"/>
      <c r="S114" s="53"/>
      <c r="T114" s="54"/>
      <c r="U114" s="50"/>
      <c r="V114" s="48"/>
      <c r="W114" s="50"/>
      <c r="X114" s="55" t="s">
        <v>3</v>
      </c>
      <c r="Y114" s="55"/>
      <c r="Z114" s="55"/>
      <c r="AA114" s="55"/>
      <c r="AB114" s="56"/>
      <c r="AC114" s="56"/>
      <c r="AD114" s="56"/>
      <c r="AE114" s="56"/>
      <c r="AF114" s="56"/>
      <c r="AG114" s="56"/>
      <c r="AH114" s="56"/>
      <c r="AI114" s="56"/>
      <c r="AJ114" s="56"/>
      <c r="AK114" s="19"/>
      <c r="AL114" s="19"/>
      <c r="AM114" s="26"/>
      <c r="AN114" s="171"/>
    </row>
    <row r="115" spans="1:40" s="46" customFormat="1" ht="9.75" customHeight="1">
      <c r="A115" s="57"/>
      <c r="B115" s="58"/>
      <c r="C115" s="33"/>
      <c r="D115" s="34"/>
      <c r="E115" s="33"/>
      <c r="F115" s="34"/>
      <c r="G115" s="33"/>
      <c r="H115" s="59"/>
      <c r="I115" s="33"/>
      <c r="J115" s="59"/>
      <c r="K115" s="60"/>
      <c r="L115" s="60"/>
      <c r="M115" s="61"/>
      <c r="N115" s="186"/>
      <c r="O115" s="179"/>
      <c r="P115" s="33"/>
      <c r="Q115" s="59" t="s">
        <v>1062</v>
      </c>
      <c r="R115" s="33" t="s">
        <v>1063</v>
      </c>
      <c r="S115" s="62"/>
      <c r="T115" s="63" t="s">
        <v>1063</v>
      </c>
      <c r="U115" s="59" t="s">
        <v>30</v>
      </c>
      <c r="V115" s="33"/>
      <c r="W115" s="59" t="s">
        <v>30</v>
      </c>
      <c r="X115" s="27"/>
      <c r="Y115" s="27"/>
      <c r="Z115" s="27"/>
      <c r="AA115" s="27"/>
      <c r="AB115" s="28"/>
      <c r="AC115" s="28"/>
      <c r="AD115" s="28"/>
      <c r="AE115" s="28"/>
      <c r="AF115" s="28"/>
      <c r="AG115" s="28"/>
      <c r="AH115" s="28"/>
      <c r="AI115" s="28"/>
      <c r="AJ115" s="28"/>
      <c r="AK115" s="29"/>
      <c r="AL115" s="29"/>
      <c r="AM115" s="30"/>
      <c r="AN115" s="171"/>
    </row>
    <row r="116" spans="1:40" s="46" customFormat="1" ht="9.75" customHeight="1">
      <c r="A116" s="57"/>
      <c r="B116" s="58"/>
      <c r="C116" s="33"/>
      <c r="D116" s="34"/>
      <c r="E116" s="33"/>
      <c r="F116" s="34"/>
      <c r="G116" s="33"/>
      <c r="H116" s="59"/>
      <c r="I116" s="33"/>
      <c r="J116" s="59"/>
      <c r="K116" s="60"/>
      <c r="L116" s="60"/>
      <c r="M116" s="61"/>
      <c r="N116" s="187"/>
      <c r="O116" s="180"/>
      <c r="P116" s="33"/>
      <c r="Q116" s="59"/>
      <c r="R116" s="33"/>
      <c r="S116" s="62"/>
      <c r="T116" s="63"/>
      <c r="U116" s="59"/>
      <c r="V116" s="33"/>
      <c r="W116" s="59"/>
      <c r="X116" s="27"/>
      <c r="Y116" s="27"/>
      <c r="Z116" s="27"/>
      <c r="AA116" s="27"/>
      <c r="AB116" s="28"/>
      <c r="AC116" s="28"/>
      <c r="AD116" s="28"/>
      <c r="AE116" s="28"/>
      <c r="AF116" s="28"/>
      <c r="AG116" s="28"/>
      <c r="AH116" s="28"/>
      <c r="AI116" s="28"/>
      <c r="AJ116" s="28"/>
      <c r="AK116" s="29"/>
      <c r="AL116" s="29"/>
      <c r="AM116" s="30"/>
      <c r="AN116" s="171"/>
    </row>
    <row r="117" spans="1:40" s="46" customFormat="1" ht="9.75" customHeight="1">
      <c r="A117" s="47"/>
      <c r="B117" s="75"/>
      <c r="C117" s="33"/>
      <c r="D117" s="34"/>
      <c r="E117" s="175" t="s">
        <v>52</v>
      </c>
      <c r="F117" s="178" t="s">
        <v>981</v>
      </c>
      <c r="G117" s="48"/>
      <c r="H117" s="50"/>
      <c r="I117" s="48"/>
      <c r="J117" s="50"/>
      <c r="K117" s="51"/>
      <c r="L117" s="51"/>
      <c r="M117" s="52"/>
      <c r="N117" s="52"/>
      <c r="O117" s="76"/>
      <c r="P117" s="48"/>
      <c r="Q117" s="50"/>
      <c r="R117" s="48"/>
      <c r="S117" s="53"/>
      <c r="T117" s="54"/>
      <c r="U117" s="50"/>
      <c r="V117" s="48"/>
      <c r="W117" s="50"/>
      <c r="X117" s="55" t="s">
        <v>3</v>
      </c>
      <c r="Y117" s="55"/>
      <c r="Z117" s="55"/>
      <c r="AA117" s="55"/>
      <c r="AB117" s="56"/>
      <c r="AC117" s="56"/>
      <c r="AD117" s="56"/>
      <c r="AE117" s="56"/>
      <c r="AF117" s="56"/>
      <c r="AG117" s="56"/>
      <c r="AH117" s="56"/>
      <c r="AI117" s="56"/>
      <c r="AJ117" s="56"/>
      <c r="AK117" s="19"/>
      <c r="AL117" s="19"/>
      <c r="AM117" s="26"/>
      <c r="AN117" s="171"/>
    </row>
    <row r="118" spans="1:40" s="46" customFormat="1" ht="9.75" customHeight="1">
      <c r="A118" s="47"/>
      <c r="B118" s="75"/>
      <c r="C118" s="33"/>
      <c r="D118" s="34"/>
      <c r="E118" s="176"/>
      <c r="F118" s="179"/>
      <c r="G118" s="33"/>
      <c r="H118" s="59" t="s">
        <v>1065</v>
      </c>
      <c r="I118" s="33"/>
      <c r="J118" s="59" t="s">
        <v>1066</v>
      </c>
      <c r="K118" s="60" t="s">
        <v>30</v>
      </c>
      <c r="L118" s="60" t="s">
        <v>1067</v>
      </c>
      <c r="M118" s="61"/>
      <c r="N118" s="61"/>
      <c r="O118" s="58"/>
      <c r="P118" s="33"/>
      <c r="Q118" s="59"/>
      <c r="R118" s="33" t="s">
        <v>1068</v>
      </c>
      <c r="S118" s="62"/>
      <c r="T118" s="63" t="s">
        <v>1068</v>
      </c>
      <c r="U118" s="59" t="s">
        <v>30</v>
      </c>
      <c r="V118" s="33"/>
      <c r="W118" s="59" t="s">
        <v>30</v>
      </c>
      <c r="X118" s="27"/>
      <c r="Y118" s="27"/>
      <c r="Z118" s="27"/>
      <c r="AA118" s="27"/>
      <c r="AB118" s="28"/>
      <c r="AC118" s="28"/>
      <c r="AD118" s="28"/>
      <c r="AE118" s="28"/>
      <c r="AF118" s="28"/>
      <c r="AG118" s="28"/>
      <c r="AH118" s="28"/>
      <c r="AI118" s="28"/>
      <c r="AJ118" s="28"/>
      <c r="AK118" s="29"/>
      <c r="AL118" s="29"/>
      <c r="AM118" s="30"/>
      <c r="AN118" s="171"/>
    </row>
    <row r="119" spans="1:40" s="46" customFormat="1" ht="9.75" customHeight="1">
      <c r="A119" s="47"/>
      <c r="B119" s="75"/>
      <c r="C119" s="33"/>
      <c r="D119" s="34"/>
      <c r="E119" s="176"/>
      <c r="F119" s="179"/>
      <c r="G119" s="33"/>
      <c r="H119" s="59"/>
      <c r="I119" s="33"/>
      <c r="J119" s="59"/>
      <c r="K119" s="60"/>
      <c r="L119" s="60"/>
      <c r="M119" s="61"/>
      <c r="N119" s="61"/>
      <c r="O119" s="58"/>
      <c r="P119" s="33"/>
      <c r="Q119" s="59"/>
      <c r="R119" s="33"/>
      <c r="S119" s="62"/>
      <c r="T119" s="63"/>
      <c r="U119" s="59"/>
      <c r="V119" s="33"/>
      <c r="W119" s="59"/>
      <c r="X119" s="27"/>
      <c r="Y119" s="27"/>
      <c r="Z119" s="27"/>
      <c r="AA119" s="27"/>
      <c r="AB119" s="28"/>
      <c r="AC119" s="28"/>
      <c r="AD119" s="28"/>
      <c r="AE119" s="28"/>
      <c r="AF119" s="28"/>
      <c r="AG119" s="28"/>
      <c r="AH119" s="28"/>
      <c r="AI119" s="28"/>
      <c r="AJ119" s="28"/>
      <c r="AK119" s="29"/>
      <c r="AL119" s="29"/>
      <c r="AM119" s="30"/>
      <c r="AN119" s="171"/>
    </row>
    <row r="120" spans="1:40" s="46" customFormat="1" ht="9.75" customHeight="1">
      <c r="A120" s="47"/>
      <c r="B120" s="39"/>
      <c r="C120" s="33"/>
      <c r="D120" s="34"/>
      <c r="E120" s="33"/>
      <c r="F120" s="34"/>
      <c r="G120" s="33"/>
      <c r="H120" s="59"/>
      <c r="I120" s="33"/>
      <c r="J120" s="59"/>
      <c r="K120" s="60"/>
      <c r="L120" s="60"/>
      <c r="M120" s="61"/>
      <c r="N120" s="185" t="s">
        <v>21</v>
      </c>
      <c r="O120" s="188" t="s">
        <v>1069</v>
      </c>
      <c r="P120" s="48"/>
      <c r="Q120" s="50"/>
      <c r="R120" s="48"/>
      <c r="S120" s="53"/>
      <c r="T120" s="54"/>
      <c r="U120" s="50"/>
      <c r="V120" s="48"/>
      <c r="W120" s="50"/>
      <c r="X120" s="55" t="s">
        <v>3</v>
      </c>
      <c r="Y120" s="55"/>
      <c r="Z120" s="55"/>
      <c r="AA120" s="55"/>
      <c r="AB120" s="56"/>
      <c r="AC120" s="56"/>
      <c r="AD120" s="56"/>
      <c r="AE120" s="56"/>
      <c r="AF120" s="56"/>
      <c r="AG120" s="56"/>
      <c r="AH120" s="56"/>
      <c r="AI120" s="56"/>
      <c r="AJ120" s="56"/>
      <c r="AK120" s="19"/>
      <c r="AL120" s="19"/>
      <c r="AM120" s="26"/>
      <c r="AN120" s="171"/>
    </row>
    <row r="121" spans="1:40" s="46" customFormat="1" ht="9.75" customHeight="1">
      <c r="A121" s="57"/>
      <c r="B121" s="58"/>
      <c r="C121" s="33"/>
      <c r="D121" s="34"/>
      <c r="E121" s="33"/>
      <c r="F121" s="34"/>
      <c r="G121" s="33"/>
      <c r="H121" s="59"/>
      <c r="I121" s="33"/>
      <c r="J121" s="59"/>
      <c r="K121" s="60"/>
      <c r="L121" s="60"/>
      <c r="M121" s="61"/>
      <c r="N121" s="186"/>
      <c r="O121" s="179"/>
      <c r="P121" s="33"/>
      <c r="Q121" s="59" t="s">
        <v>1067</v>
      </c>
      <c r="R121" s="33" t="s">
        <v>1068</v>
      </c>
      <c r="S121" s="62"/>
      <c r="T121" s="63" t="s">
        <v>1068</v>
      </c>
      <c r="U121" s="59" t="s">
        <v>30</v>
      </c>
      <c r="V121" s="33"/>
      <c r="W121" s="59" t="s">
        <v>30</v>
      </c>
      <c r="X121" s="27"/>
      <c r="Y121" s="27"/>
      <c r="Z121" s="27"/>
      <c r="AA121" s="27"/>
      <c r="AB121" s="28"/>
      <c r="AC121" s="28"/>
      <c r="AD121" s="28"/>
      <c r="AE121" s="28"/>
      <c r="AF121" s="28"/>
      <c r="AG121" s="28"/>
      <c r="AH121" s="28"/>
      <c r="AI121" s="28"/>
      <c r="AJ121" s="28"/>
      <c r="AK121" s="29"/>
      <c r="AL121" s="29"/>
      <c r="AM121" s="30"/>
      <c r="AN121" s="171"/>
    </row>
    <row r="122" spans="1:40" s="46" customFormat="1" ht="9.75" customHeight="1">
      <c r="A122" s="57"/>
      <c r="B122" s="58"/>
      <c r="C122" s="33"/>
      <c r="D122" s="34"/>
      <c r="E122" s="33"/>
      <c r="F122" s="34"/>
      <c r="G122" s="33"/>
      <c r="H122" s="59"/>
      <c r="I122" s="33"/>
      <c r="J122" s="59"/>
      <c r="K122" s="60"/>
      <c r="L122" s="60"/>
      <c r="M122" s="61"/>
      <c r="N122" s="187"/>
      <c r="O122" s="180"/>
      <c r="P122" s="33"/>
      <c r="Q122" s="59"/>
      <c r="R122" s="33"/>
      <c r="S122" s="62"/>
      <c r="T122" s="63"/>
      <c r="U122" s="59"/>
      <c r="V122" s="33"/>
      <c r="W122" s="59"/>
      <c r="X122" s="27"/>
      <c r="Y122" s="27"/>
      <c r="Z122" s="27"/>
      <c r="AA122" s="27"/>
      <c r="AB122" s="28"/>
      <c r="AC122" s="28"/>
      <c r="AD122" s="28"/>
      <c r="AE122" s="28"/>
      <c r="AF122" s="28"/>
      <c r="AG122" s="28"/>
      <c r="AH122" s="28"/>
      <c r="AI122" s="28"/>
      <c r="AJ122" s="28"/>
      <c r="AK122" s="29"/>
      <c r="AL122" s="29"/>
      <c r="AM122" s="30"/>
      <c r="AN122" s="171"/>
    </row>
    <row r="123" spans="1:40" s="46" customFormat="1" ht="9.75" customHeight="1">
      <c r="A123" s="47"/>
      <c r="B123" s="75"/>
      <c r="C123" s="33"/>
      <c r="D123" s="34"/>
      <c r="E123" s="175" t="s">
        <v>57</v>
      </c>
      <c r="F123" s="178" t="s">
        <v>406</v>
      </c>
      <c r="G123" s="48"/>
      <c r="H123" s="50"/>
      <c r="I123" s="48"/>
      <c r="J123" s="50"/>
      <c r="K123" s="51"/>
      <c r="L123" s="51"/>
      <c r="M123" s="52"/>
      <c r="N123" s="52"/>
      <c r="O123" s="76"/>
      <c r="P123" s="48"/>
      <c r="Q123" s="50"/>
      <c r="R123" s="48"/>
      <c r="S123" s="53"/>
      <c r="T123" s="54"/>
      <c r="U123" s="50"/>
      <c r="V123" s="48"/>
      <c r="W123" s="50"/>
      <c r="X123" s="55" t="s">
        <v>3</v>
      </c>
      <c r="Y123" s="55"/>
      <c r="Z123" s="55"/>
      <c r="AA123" s="55"/>
      <c r="AB123" s="56"/>
      <c r="AC123" s="56"/>
      <c r="AD123" s="56"/>
      <c r="AE123" s="56"/>
      <c r="AF123" s="56"/>
      <c r="AG123" s="56"/>
      <c r="AH123" s="56"/>
      <c r="AI123" s="56"/>
      <c r="AJ123" s="56"/>
      <c r="AK123" s="19"/>
      <c r="AL123" s="19"/>
      <c r="AM123" s="26"/>
      <c r="AN123" s="171"/>
    </row>
    <row r="124" spans="1:40" s="46" customFormat="1" ht="9.75" customHeight="1">
      <c r="A124" s="47"/>
      <c r="B124" s="75"/>
      <c r="C124" s="33"/>
      <c r="D124" s="34"/>
      <c r="E124" s="176"/>
      <c r="F124" s="179"/>
      <c r="G124" s="33"/>
      <c r="H124" s="59" t="s">
        <v>1070</v>
      </c>
      <c r="I124" s="33"/>
      <c r="J124" s="59" t="s">
        <v>30</v>
      </c>
      <c r="K124" s="60" t="s">
        <v>30</v>
      </c>
      <c r="L124" s="60" t="s">
        <v>1070</v>
      </c>
      <c r="M124" s="61"/>
      <c r="N124" s="61"/>
      <c r="O124" s="58"/>
      <c r="P124" s="33"/>
      <c r="Q124" s="59"/>
      <c r="R124" s="33" t="s">
        <v>1071</v>
      </c>
      <c r="S124" s="62"/>
      <c r="T124" s="63" t="s">
        <v>1071</v>
      </c>
      <c r="U124" s="59" t="s">
        <v>30</v>
      </c>
      <c r="V124" s="33"/>
      <c r="W124" s="59" t="s">
        <v>30</v>
      </c>
      <c r="X124" s="27"/>
      <c r="Y124" s="27"/>
      <c r="Z124" s="27"/>
      <c r="AA124" s="27"/>
      <c r="AB124" s="28"/>
      <c r="AC124" s="28"/>
      <c r="AD124" s="28"/>
      <c r="AE124" s="28"/>
      <c r="AF124" s="28"/>
      <c r="AG124" s="28"/>
      <c r="AH124" s="28"/>
      <c r="AI124" s="28"/>
      <c r="AJ124" s="28"/>
      <c r="AK124" s="29"/>
      <c r="AL124" s="29"/>
      <c r="AM124" s="30"/>
      <c r="AN124" s="171"/>
    </row>
    <row r="125" spans="1:40" s="46" customFormat="1" ht="9.75" customHeight="1">
      <c r="A125" s="47"/>
      <c r="B125" s="75"/>
      <c r="C125" s="33"/>
      <c r="D125" s="34"/>
      <c r="E125" s="177"/>
      <c r="F125" s="180"/>
      <c r="G125" s="33"/>
      <c r="H125" s="59"/>
      <c r="I125" s="33"/>
      <c r="J125" s="59"/>
      <c r="K125" s="60"/>
      <c r="L125" s="60"/>
      <c r="M125" s="61"/>
      <c r="N125" s="61"/>
      <c r="O125" s="58"/>
      <c r="P125" s="33"/>
      <c r="Q125" s="59"/>
      <c r="R125" s="33"/>
      <c r="S125" s="62"/>
      <c r="T125" s="63"/>
      <c r="U125" s="59"/>
      <c r="V125" s="33"/>
      <c r="W125" s="59"/>
      <c r="X125" s="27"/>
      <c r="Y125" s="27"/>
      <c r="Z125" s="27"/>
      <c r="AA125" s="27"/>
      <c r="AB125" s="28"/>
      <c r="AC125" s="28"/>
      <c r="AD125" s="28"/>
      <c r="AE125" s="28"/>
      <c r="AF125" s="28"/>
      <c r="AG125" s="28"/>
      <c r="AH125" s="28"/>
      <c r="AI125" s="28"/>
      <c r="AJ125" s="28"/>
      <c r="AK125" s="29"/>
      <c r="AL125" s="29"/>
      <c r="AM125" s="30"/>
      <c r="AN125" s="171"/>
    </row>
    <row r="126" spans="1:40" s="46" customFormat="1" ht="9.75" customHeight="1">
      <c r="A126" s="47"/>
      <c r="B126" s="75"/>
      <c r="C126" s="33"/>
      <c r="D126" s="34"/>
      <c r="E126" s="175" t="s">
        <v>293</v>
      </c>
      <c r="F126" s="178" t="s">
        <v>63</v>
      </c>
      <c r="G126" s="48"/>
      <c r="H126" s="50"/>
      <c r="I126" s="48"/>
      <c r="J126" s="50"/>
      <c r="K126" s="51"/>
      <c r="L126" s="51"/>
      <c r="M126" s="52"/>
      <c r="N126" s="52"/>
      <c r="O126" s="76"/>
      <c r="P126" s="48"/>
      <c r="Q126" s="50"/>
      <c r="R126" s="48"/>
      <c r="S126" s="53"/>
      <c r="T126" s="54"/>
      <c r="U126" s="50"/>
      <c r="V126" s="48"/>
      <c r="W126" s="50"/>
      <c r="X126" s="55" t="s">
        <v>3</v>
      </c>
      <c r="Y126" s="55"/>
      <c r="Z126" s="55"/>
      <c r="AA126" s="55"/>
      <c r="AB126" s="56"/>
      <c r="AC126" s="56"/>
      <c r="AD126" s="56"/>
      <c r="AE126" s="56"/>
      <c r="AF126" s="56"/>
      <c r="AG126" s="56"/>
      <c r="AH126" s="56"/>
      <c r="AI126" s="56"/>
      <c r="AJ126" s="56"/>
      <c r="AK126" s="19"/>
      <c r="AL126" s="19"/>
      <c r="AM126" s="26"/>
      <c r="AN126" s="171"/>
    </row>
    <row r="127" spans="1:40" s="46" customFormat="1" ht="9.75" customHeight="1">
      <c r="A127" s="47"/>
      <c r="B127" s="75"/>
      <c r="C127" s="33"/>
      <c r="D127" s="34"/>
      <c r="E127" s="176"/>
      <c r="F127" s="179"/>
      <c r="G127" s="33"/>
      <c r="H127" s="59" t="s">
        <v>1072</v>
      </c>
      <c r="I127" s="33"/>
      <c r="J127" s="59" t="s">
        <v>1073</v>
      </c>
      <c r="K127" s="60" t="s">
        <v>30</v>
      </c>
      <c r="L127" s="60" t="s">
        <v>1074</v>
      </c>
      <c r="M127" s="61"/>
      <c r="N127" s="61"/>
      <c r="O127" s="58"/>
      <c r="P127" s="33"/>
      <c r="Q127" s="59"/>
      <c r="R127" s="33" t="s">
        <v>1075</v>
      </c>
      <c r="S127" s="62"/>
      <c r="T127" s="63" t="s">
        <v>1076</v>
      </c>
      <c r="U127" s="59" t="s">
        <v>1056</v>
      </c>
      <c r="V127" s="33"/>
      <c r="W127" s="59" t="s">
        <v>1057</v>
      </c>
      <c r="X127" s="27"/>
      <c r="Y127" s="27"/>
      <c r="Z127" s="27"/>
      <c r="AA127" s="27"/>
      <c r="AB127" s="28"/>
      <c r="AC127" s="28"/>
      <c r="AD127" s="28"/>
      <c r="AE127" s="28"/>
      <c r="AF127" s="28"/>
      <c r="AG127" s="28"/>
      <c r="AH127" s="28"/>
      <c r="AI127" s="28"/>
      <c r="AJ127" s="28"/>
      <c r="AK127" s="29"/>
      <c r="AL127" s="29"/>
      <c r="AM127" s="30"/>
      <c r="AN127" s="171"/>
    </row>
    <row r="128" spans="1:40" s="46" customFormat="1" ht="9.75" customHeight="1">
      <c r="A128" s="47"/>
      <c r="B128" s="75"/>
      <c r="C128" s="64"/>
      <c r="D128" s="77"/>
      <c r="E128" s="177"/>
      <c r="F128" s="180"/>
      <c r="G128" s="64"/>
      <c r="H128" s="66"/>
      <c r="I128" s="64"/>
      <c r="J128" s="66"/>
      <c r="K128" s="67"/>
      <c r="L128" s="67"/>
      <c r="M128" s="68"/>
      <c r="N128" s="68"/>
      <c r="O128" s="65"/>
      <c r="P128" s="64"/>
      <c r="Q128" s="66"/>
      <c r="R128" s="64"/>
      <c r="S128" s="69"/>
      <c r="T128" s="70"/>
      <c r="U128" s="66"/>
      <c r="V128" s="64"/>
      <c r="W128" s="66"/>
      <c r="X128" s="71"/>
      <c r="Y128" s="71"/>
      <c r="Z128" s="71"/>
      <c r="AA128" s="71"/>
      <c r="AB128" s="72"/>
      <c r="AC128" s="72"/>
      <c r="AD128" s="72"/>
      <c r="AE128" s="72"/>
      <c r="AF128" s="72"/>
      <c r="AG128" s="72"/>
      <c r="AH128" s="72"/>
      <c r="AI128" s="72"/>
      <c r="AJ128" s="72"/>
      <c r="AK128" s="73"/>
      <c r="AL128" s="73"/>
      <c r="AM128" s="74"/>
      <c r="AN128" s="171"/>
    </row>
    <row r="129" spans="1:40" s="46" customFormat="1" ht="9.75" customHeight="1">
      <c r="A129" s="47"/>
      <c r="B129" s="75"/>
      <c r="C129" s="175" t="s">
        <v>1077</v>
      </c>
      <c r="D129" s="178" t="s">
        <v>210</v>
      </c>
      <c r="E129" s="48"/>
      <c r="F129" s="49"/>
      <c r="G129" s="48"/>
      <c r="H129" s="50"/>
      <c r="I129" s="48"/>
      <c r="J129" s="50"/>
      <c r="K129" s="51"/>
      <c r="L129" s="51"/>
      <c r="M129" s="52"/>
      <c r="N129" s="52"/>
      <c r="O129" s="76"/>
      <c r="P129" s="48"/>
      <c r="Q129" s="50"/>
      <c r="R129" s="48"/>
      <c r="S129" s="53"/>
      <c r="T129" s="54"/>
      <c r="U129" s="50"/>
      <c r="V129" s="48"/>
      <c r="W129" s="50"/>
      <c r="X129" s="55" t="s">
        <v>23</v>
      </c>
      <c r="Y129" s="55"/>
      <c r="Z129" s="55"/>
      <c r="AA129" s="55"/>
      <c r="AB129" s="56"/>
      <c r="AC129" s="56"/>
      <c r="AD129" s="56"/>
      <c r="AE129" s="56"/>
      <c r="AF129" s="56"/>
      <c r="AG129" s="56"/>
      <c r="AH129" s="56"/>
      <c r="AI129" s="56"/>
      <c r="AJ129" s="56"/>
      <c r="AK129" s="19"/>
      <c r="AL129" s="19"/>
      <c r="AM129" s="26" t="s">
        <v>1078</v>
      </c>
      <c r="AN129" s="171"/>
    </row>
    <row r="130" spans="1:40" s="46" customFormat="1" ht="9.75" customHeight="1">
      <c r="A130" s="47"/>
      <c r="B130" s="75"/>
      <c r="C130" s="176"/>
      <c r="D130" s="179"/>
      <c r="E130" s="33"/>
      <c r="F130" s="34"/>
      <c r="G130" s="33"/>
      <c r="H130" s="59" t="s">
        <v>1079</v>
      </c>
      <c r="I130" s="33" t="s">
        <v>133</v>
      </c>
      <c r="J130" s="59" t="s">
        <v>1080</v>
      </c>
      <c r="K130" s="60" t="s">
        <v>1081</v>
      </c>
      <c r="L130" s="60" t="s">
        <v>1082</v>
      </c>
      <c r="M130" s="61"/>
      <c r="N130" s="61"/>
      <c r="O130" s="58"/>
      <c r="P130" s="33"/>
      <c r="Q130" s="59"/>
      <c r="R130" s="33" t="s">
        <v>1083</v>
      </c>
      <c r="S130" s="62"/>
      <c r="T130" s="63" t="s">
        <v>1083</v>
      </c>
      <c r="U130" s="59" t="s">
        <v>30</v>
      </c>
      <c r="V130" s="33"/>
      <c r="W130" s="59" t="s">
        <v>30</v>
      </c>
      <c r="X130" s="27"/>
      <c r="Y130" s="27"/>
      <c r="Z130" s="27"/>
      <c r="AA130" s="27"/>
      <c r="AB130" s="28"/>
      <c r="AC130" s="28"/>
      <c r="AD130" s="28"/>
      <c r="AE130" s="28"/>
      <c r="AF130" s="28"/>
      <c r="AG130" s="28"/>
      <c r="AH130" s="28"/>
      <c r="AI130" s="28"/>
      <c r="AJ130" s="28"/>
      <c r="AK130" s="29"/>
      <c r="AL130" s="29"/>
      <c r="AM130" s="30"/>
      <c r="AN130" s="171"/>
    </row>
    <row r="131" spans="1:40" s="46" customFormat="1" ht="9.75" customHeight="1">
      <c r="A131" s="47"/>
      <c r="B131" s="75"/>
      <c r="C131" s="176"/>
      <c r="D131" s="179"/>
      <c r="E131" s="33"/>
      <c r="F131" s="34"/>
      <c r="G131" s="33"/>
      <c r="H131" s="59"/>
      <c r="I131" s="33"/>
      <c r="J131" s="59"/>
      <c r="K131" s="60"/>
      <c r="L131" s="60"/>
      <c r="M131" s="61"/>
      <c r="N131" s="61"/>
      <c r="O131" s="58"/>
      <c r="P131" s="33"/>
      <c r="Q131" s="59"/>
      <c r="R131" s="33"/>
      <c r="S131" s="62"/>
      <c r="T131" s="63"/>
      <c r="U131" s="59"/>
      <c r="V131" s="33"/>
      <c r="W131" s="59"/>
      <c r="X131" s="27"/>
      <c r="Y131" s="27"/>
      <c r="Z131" s="27"/>
      <c r="AA131" s="27"/>
      <c r="AB131" s="28"/>
      <c r="AC131" s="28"/>
      <c r="AD131" s="28"/>
      <c r="AE131" s="28"/>
      <c r="AF131" s="28"/>
      <c r="AG131" s="28"/>
      <c r="AH131" s="28"/>
      <c r="AI131" s="28"/>
      <c r="AJ131" s="28"/>
      <c r="AK131" s="29"/>
      <c r="AL131" s="29"/>
      <c r="AM131" s="30"/>
      <c r="AN131" s="171"/>
    </row>
    <row r="132" spans="1:40" s="46" customFormat="1" ht="9.75" customHeight="1">
      <c r="A132" s="47"/>
      <c r="B132" s="39"/>
      <c r="C132" s="33"/>
      <c r="D132" s="34"/>
      <c r="E132" s="175" t="s">
        <v>21</v>
      </c>
      <c r="F132" s="178" t="s">
        <v>210</v>
      </c>
      <c r="G132" s="48"/>
      <c r="H132" s="50"/>
      <c r="I132" s="48"/>
      <c r="J132" s="50"/>
      <c r="K132" s="51"/>
      <c r="L132" s="51"/>
      <c r="M132" s="52"/>
      <c r="N132" s="52"/>
      <c r="O132" s="49"/>
      <c r="P132" s="48"/>
      <c r="Q132" s="50"/>
      <c r="R132" s="48"/>
      <c r="S132" s="53"/>
      <c r="T132" s="54"/>
      <c r="U132" s="50"/>
      <c r="V132" s="48"/>
      <c r="W132" s="50"/>
      <c r="X132" s="55" t="s">
        <v>23</v>
      </c>
      <c r="Y132" s="55"/>
      <c r="Z132" s="55"/>
      <c r="AA132" s="55"/>
      <c r="AB132" s="56"/>
      <c r="AC132" s="56"/>
      <c r="AD132" s="56"/>
      <c r="AE132" s="56"/>
      <c r="AF132" s="56"/>
      <c r="AG132" s="56"/>
      <c r="AH132" s="56"/>
      <c r="AI132" s="56"/>
      <c r="AJ132" s="56"/>
      <c r="AK132" s="19"/>
      <c r="AL132" s="19"/>
      <c r="AM132" s="26" t="s">
        <v>1078</v>
      </c>
      <c r="AN132" s="171"/>
    </row>
    <row r="133" spans="1:40" s="46" customFormat="1" ht="9.75" customHeight="1">
      <c r="A133" s="57"/>
      <c r="B133" s="58"/>
      <c r="C133" s="33"/>
      <c r="D133" s="34"/>
      <c r="E133" s="176"/>
      <c r="F133" s="179"/>
      <c r="G133" s="33"/>
      <c r="H133" s="59" t="s">
        <v>1079</v>
      </c>
      <c r="I133" s="33" t="s">
        <v>133</v>
      </c>
      <c r="J133" s="59" t="s">
        <v>1080</v>
      </c>
      <c r="K133" s="60" t="s">
        <v>1081</v>
      </c>
      <c r="L133" s="60" t="s">
        <v>1082</v>
      </c>
      <c r="M133" s="61"/>
      <c r="N133" s="61"/>
      <c r="O133" s="34"/>
      <c r="P133" s="33"/>
      <c r="Q133" s="59"/>
      <c r="R133" s="33" t="s">
        <v>1083</v>
      </c>
      <c r="S133" s="62"/>
      <c r="T133" s="63" t="s">
        <v>1083</v>
      </c>
      <c r="U133" s="59" t="s">
        <v>30</v>
      </c>
      <c r="V133" s="33"/>
      <c r="W133" s="59" t="s">
        <v>30</v>
      </c>
      <c r="X133" s="27"/>
      <c r="Y133" s="27"/>
      <c r="Z133" s="27"/>
      <c r="AA133" s="27"/>
      <c r="AB133" s="28"/>
      <c r="AC133" s="28"/>
      <c r="AD133" s="28"/>
      <c r="AE133" s="28"/>
      <c r="AF133" s="28"/>
      <c r="AG133" s="28"/>
      <c r="AH133" s="28"/>
      <c r="AI133" s="28"/>
      <c r="AJ133" s="28"/>
      <c r="AK133" s="29"/>
      <c r="AL133" s="29"/>
      <c r="AM133" s="30"/>
      <c r="AN133" s="171"/>
    </row>
    <row r="134" spans="1:40" s="46" customFormat="1" ht="9.75" customHeight="1">
      <c r="A134" s="158"/>
      <c r="B134" s="65"/>
      <c r="C134" s="64"/>
      <c r="D134" s="77"/>
      <c r="E134" s="177"/>
      <c r="F134" s="180"/>
      <c r="G134" s="64"/>
      <c r="H134" s="66"/>
      <c r="I134" s="64"/>
      <c r="J134" s="66"/>
      <c r="K134" s="67"/>
      <c r="L134" s="67"/>
      <c r="M134" s="68"/>
      <c r="N134" s="68"/>
      <c r="O134" s="77"/>
      <c r="P134" s="64"/>
      <c r="Q134" s="66"/>
      <c r="R134" s="64"/>
      <c r="S134" s="69"/>
      <c r="T134" s="70"/>
      <c r="U134" s="66"/>
      <c r="V134" s="64"/>
      <c r="W134" s="66"/>
      <c r="X134" s="71"/>
      <c r="Y134" s="71"/>
      <c r="Z134" s="71"/>
      <c r="AA134" s="71"/>
      <c r="AB134" s="72"/>
      <c r="AC134" s="72"/>
      <c r="AD134" s="72"/>
      <c r="AE134" s="72"/>
      <c r="AF134" s="72"/>
      <c r="AG134" s="72"/>
      <c r="AH134" s="72"/>
      <c r="AI134" s="72"/>
      <c r="AJ134" s="72"/>
      <c r="AK134" s="73"/>
      <c r="AL134" s="73"/>
      <c r="AM134" s="74"/>
      <c r="AN134" s="171"/>
    </row>
    <row r="135" spans="1:40" s="46" customFormat="1" ht="9.75" customHeight="1">
      <c r="A135" s="80"/>
      <c r="B135" s="81"/>
      <c r="C135" s="81"/>
      <c r="D135" s="81"/>
      <c r="E135" s="81"/>
      <c r="F135" s="81"/>
      <c r="G135" s="82"/>
      <c r="H135" s="83"/>
      <c r="I135" s="82"/>
      <c r="J135" s="83"/>
      <c r="K135" s="84"/>
      <c r="L135" s="84"/>
      <c r="M135" s="85"/>
      <c r="N135" s="85"/>
      <c r="O135" s="86"/>
      <c r="P135" s="82"/>
      <c r="Q135" s="83"/>
      <c r="R135" s="82"/>
      <c r="S135" s="87"/>
      <c r="T135" s="88"/>
      <c r="U135" s="83"/>
      <c r="V135" s="82"/>
      <c r="W135" s="83"/>
      <c r="X135" s="89" t="s">
        <v>23</v>
      </c>
      <c r="Y135" s="89"/>
      <c r="Z135" s="89"/>
      <c r="AA135" s="89"/>
      <c r="AB135" s="90"/>
      <c r="AC135" s="90"/>
      <c r="AD135" s="90"/>
      <c r="AE135" s="90"/>
      <c r="AF135" s="90"/>
      <c r="AG135" s="90"/>
      <c r="AH135" s="90"/>
      <c r="AI135" s="90"/>
      <c r="AJ135" s="90"/>
      <c r="AK135" s="91"/>
      <c r="AL135" s="91"/>
      <c r="AM135" s="92" t="s">
        <v>972</v>
      </c>
      <c r="AN135" s="171"/>
    </row>
    <row r="136" spans="1:40" s="46" customFormat="1" ht="9.75" customHeight="1">
      <c r="A136" s="57"/>
      <c r="B136" s="171"/>
      <c r="C136" s="171"/>
      <c r="D136" s="171"/>
      <c r="E136" s="171"/>
      <c r="F136" s="171"/>
      <c r="G136" s="35"/>
      <c r="H136" s="36"/>
      <c r="I136" s="35"/>
      <c r="J136" s="36"/>
      <c r="K136" s="37"/>
      <c r="L136" s="37"/>
      <c r="M136" s="38"/>
      <c r="N136" s="38"/>
      <c r="O136" s="39"/>
      <c r="P136" s="35"/>
      <c r="Q136" s="36"/>
      <c r="R136" s="35"/>
      <c r="S136" s="40"/>
      <c r="T136" s="41"/>
      <c r="U136" s="36"/>
      <c r="V136" s="35"/>
      <c r="W136" s="36"/>
      <c r="X136" s="42" t="s">
        <v>66</v>
      </c>
      <c r="Y136" s="42"/>
      <c r="Z136" s="42"/>
      <c r="AA136" s="42"/>
      <c r="AB136" s="43"/>
      <c r="AC136" s="43"/>
      <c r="AD136" s="43"/>
      <c r="AE136" s="43"/>
      <c r="AF136" s="43"/>
      <c r="AG136" s="43"/>
      <c r="AH136" s="43"/>
      <c r="AI136" s="43"/>
      <c r="AJ136" s="43"/>
      <c r="AK136" s="44"/>
      <c r="AL136" s="44"/>
      <c r="AM136" s="45" t="s">
        <v>972</v>
      </c>
      <c r="AN136" s="171"/>
    </row>
    <row r="137" spans="1:40" s="46" customFormat="1" ht="9.75" customHeight="1">
      <c r="A137" s="181" t="s">
        <v>65</v>
      </c>
      <c r="B137" s="182"/>
      <c r="C137" s="183"/>
      <c r="D137" s="183"/>
      <c r="E137" s="183"/>
      <c r="F137" s="184"/>
      <c r="G137" s="35"/>
      <c r="H137" s="36" t="s">
        <v>973</v>
      </c>
      <c r="I137" s="35" t="s">
        <v>133</v>
      </c>
      <c r="J137" s="36" t="s">
        <v>974</v>
      </c>
      <c r="K137" s="37" t="s">
        <v>975</v>
      </c>
      <c r="L137" s="37" t="s">
        <v>976</v>
      </c>
      <c r="M137" s="38"/>
      <c r="N137" s="38"/>
      <c r="O137" s="39"/>
      <c r="P137" s="35"/>
      <c r="Q137" s="36"/>
      <c r="R137" s="35" t="s">
        <v>977</v>
      </c>
      <c r="S137" s="40"/>
      <c r="T137" s="41" t="s">
        <v>978</v>
      </c>
      <c r="U137" s="36" t="s">
        <v>979</v>
      </c>
      <c r="V137" s="35"/>
      <c r="W137" s="36" t="s">
        <v>980</v>
      </c>
      <c r="X137" s="42" t="s">
        <v>414</v>
      </c>
      <c r="Y137" s="42"/>
      <c r="Z137" s="42"/>
      <c r="AA137" s="42"/>
      <c r="AB137" s="43"/>
      <c r="AC137" s="43"/>
      <c r="AD137" s="43"/>
      <c r="AE137" s="43"/>
      <c r="AF137" s="43"/>
      <c r="AG137" s="43"/>
      <c r="AH137" s="43"/>
      <c r="AI137" s="43"/>
      <c r="AJ137" s="43"/>
      <c r="AK137" s="44"/>
      <c r="AL137" s="44"/>
      <c r="AM137" s="45" t="s">
        <v>1046</v>
      </c>
      <c r="AN137" s="171"/>
    </row>
    <row r="138" spans="1:40" s="46" customFormat="1" ht="9.75" customHeight="1">
      <c r="A138" s="160"/>
      <c r="B138" s="161"/>
      <c r="C138" s="15"/>
      <c r="D138" s="15"/>
      <c r="E138" s="15"/>
      <c r="F138" s="15"/>
      <c r="G138" s="35"/>
      <c r="H138" s="36"/>
      <c r="I138" s="35"/>
      <c r="J138" s="36"/>
      <c r="K138" s="37"/>
      <c r="L138" s="37"/>
      <c r="M138" s="38"/>
      <c r="N138" s="38"/>
      <c r="O138" s="39"/>
      <c r="P138" s="35"/>
      <c r="Q138" s="36"/>
      <c r="R138" s="35"/>
      <c r="S138" s="40"/>
      <c r="T138" s="41"/>
      <c r="U138" s="36"/>
      <c r="V138" s="35"/>
      <c r="W138" s="36"/>
      <c r="X138" s="42" t="s">
        <v>1084</v>
      </c>
      <c r="Y138" s="42"/>
      <c r="Z138" s="42"/>
      <c r="AA138" s="42"/>
      <c r="AB138" s="43"/>
      <c r="AC138" s="43"/>
      <c r="AD138" s="43"/>
      <c r="AE138" s="43"/>
      <c r="AF138" s="43"/>
      <c r="AG138" s="43"/>
      <c r="AH138" s="43"/>
      <c r="AI138" s="43"/>
      <c r="AJ138" s="43"/>
      <c r="AK138" s="44"/>
      <c r="AL138" s="44"/>
      <c r="AM138" s="45"/>
      <c r="AN138" s="171"/>
    </row>
    <row r="139" spans="1:40" s="46" customFormat="1" ht="9.75" customHeight="1">
      <c r="A139" s="93"/>
      <c r="B139" s="94"/>
      <c r="C139" s="94"/>
      <c r="D139" s="94"/>
      <c r="E139" s="94"/>
      <c r="F139" s="94"/>
      <c r="G139" s="95"/>
      <c r="H139" s="96"/>
      <c r="I139" s="95"/>
      <c r="J139" s="96"/>
      <c r="K139" s="97"/>
      <c r="L139" s="97"/>
      <c r="M139" s="98"/>
      <c r="N139" s="98"/>
      <c r="O139" s="99"/>
      <c r="P139" s="95"/>
      <c r="Q139" s="96"/>
      <c r="R139" s="95"/>
      <c r="S139" s="100"/>
      <c r="T139" s="101"/>
      <c r="U139" s="96"/>
      <c r="V139" s="95"/>
      <c r="W139" s="96"/>
      <c r="X139" s="102"/>
      <c r="Y139" s="102"/>
      <c r="Z139" s="102"/>
      <c r="AA139" s="102"/>
      <c r="AB139" s="103"/>
      <c r="AC139" s="103"/>
      <c r="AD139" s="103"/>
      <c r="AE139" s="103"/>
      <c r="AF139" s="103"/>
      <c r="AG139" s="103"/>
      <c r="AH139" s="103"/>
      <c r="AI139" s="103"/>
      <c r="AJ139" s="103"/>
      <c r="AK139" s="104"/>
      <c r="AL139" s="104"/>
      <c r="AM139" s="155" t="s">
        <v>1085</v>
      </c>
      <c r="AN139" s="171"/>
    </row>
    <row r="140" spans="1:40" ht="9.75" customHeight="1">
      <c r="A140" s="105"/>
      <c r="B140" s="106"/>
      <c r="C140" s="106"/>
      <c r="D140" s="106"/>
      <c r="E140" s="106"/>
      <c r="F140" s="106"/>
      <c r="G140" s="106"/>
      <c r="H140" s="106"/>
      <c r="I140" s="106"/>
      <c r="J140" s="106"/>
      <c r="K140" s="106"/>
      <c r="L140" s="106"/>
      <c r="M140" s="106"/>
      <c r="N140" s="106"/>
      <c r="O140" s="106"/>
      <c r="P140" s="106"/>
      <c r="Q140" s="106"/>
      <c r="R140" s="106"/>
      <c r="S140" s="106"/>
      <c r="T140" s="106"/>
      <c r="U140" s="106"/>
      <c r="V140" s="106"/>
      <c r="W140" s="106"/>
      <c r="X140" s="107"/>
      <c r="Y140" s="107"/>
      <c r="Z140" s="107"/>
      <c r="AA140" s="107"/>
      <c r="AB140" s="107"/>
      <c r="AC140" s="107"/>
      <c r="AD140" s="107"/>
      <c r="AE140" s="107"/>
      <c r="AF140" s="107"/>
      <c r="AG140" s="107"/>
      <c r="AH140" s="107"/>
      <c r="AI140" s="107"/>
      <c r="AJ140" s="107"/>
      <c r="AK140" s="107"/>
      <c r="AL140" s="107"/>
      <c r="AM140" s="108"/>
      <c r="AN140" s="110"/>
    </row>
    <row r="141" spans="1:40" ht="9.75" customHeight="1">
      <c r="A141" s="109"/>
      <c r="B141" s="110"/>
      <c r="C141" s="110"/>
      <c r="D141" s="110"/>
      <c r="E141" s="110"/>
      <c r="F141" s="110"/>
      <c r="G141" s="110"/>
      <c r="H141" s="110"/>
      <c r="I141" s="110"/>
      <c r="J141" s="110"/>
      <c r="K141" s="110"/>
      <c r="L141" s="110"/>
      <c r="M141" s="110"/>
      <c r="N141" s="110"/>
      <c r="O141" s="110"/>
      <c r="P141" s="110"/>
      <c r="Q141" s="110"/>
      <c r="R141" s="110"/>
      <c r="S141" s="110"/>
      <c r="T141" s="110"/>
      <c r="U141" s="110"/>
      <c r="V141" s="110"/>
      <c r="W141" s="110"/>
      <c r="X141" s="110"/>
      <c r="Y141" s="110"/>
      <c r="Z141" s="110"/>
      <c r="AA141" s="110"/>
      <c r="AB141" s="110"/>
      <c r="AC141" s="110"/>
      <c r="AD141" s="110"/>
      <c r="AE141" s="110"/>
      <c r="AF141" s="110"/>
      <c r="AG141" s="110"/>
      <c r="AH141" s="110"/>
      <c r="AI141" s="110"/>
      <c r="AJ141" s="110"/>
      <c r="AK141" s="110"/>
      <c r="AL141" s="110"/>
      <c r="AM141" s="111"/>
      <c r="AN141" s="110"/>
    </row>
    <row r="142" spans="1:40" ht="9.75" customHeight="1">
      <c r="A142" s="109"/>
      <c r="B142" s="110"/>
      <c r="C142" s="110"/>
      <c r="D142" s="110"/>
      <c r="E142" s="110"/>
      <c r="F142" s="110"/>
      <c r="G142" s="110"/>
      <c r="H142" s="110"/>
      <c r="I142" s="110"/>
      <c r="J142" s="110"/>
      <c r="K142" s="110"/>
      <c r="L142" s="110"/>
      <c r="M142" s="110"/>
      <c r="N142" s="110"/>
      <c r="O142" s="110"/>
      <c r="P142" s="110"/>
      <c r="Q142" s="110"/>
      <c r="R142" s="110"/>
      <c r="S142" s="110"/>
      <c r="T142" s="110"/>
      <c r="U142" s="110"/>
      <c r="V142" s="110"/>
      <c r="W142" s="110"/>
      <c r="X142" s="110"/>
      <c r="Y142" s="110"/>
      <c r="Z142" s="110"/>
      <c r="AA142" s="110"/>
      <c r="AB142" s="110"/>
      <c r="AC142" s="110"/>
      <c r="AD142" s="110"/>
      <c r="AE142" s="110"/>
      <c r="AF142" s="110"/>
      <c r="AG142" s="110"/>
      <c r="AH142" s="110"/>
      <c r="AI142" s="110"/>
      <c r="AJ142" s="110"/>
      <c r="AK142" s="110"/>
      <c r="AL142" s="110"/>
      <c r="AM142" s="111"/>
      <c r="AN142" s="110"/>
    </row>
    <row r="143" spans="1:40" ht="9.75" customHeight="1">
      <c r="A143" s="109"/>
      <c r="B143" s="110"/>
      <c r="C143" s="110"/>
      <c r="D143" s="110"/>
      <c r="E143" s="110"/>
      <c r="F143" s="110"/>
      <c r="G143" s="110"/>
      <c r="H143" s="110"/>
      <c r="I143" s="110"/>
      <c r="J143" s="110"/>
      <c r="K143" s="110"/>
      <c r="L143" s="110"/>
      <c r="M143" s="110"/>
      <c r="N143" s="110"/>
      <c r="O143" s="110"/>
      <c r="P143" s="110"/>
      <c r="Q143" s="110"/>
      <c r="R143" s="110"/>
      <c r="S143" s="110"/>
      <c r="T143" s="110"/>
      <c r="U143" s="110"/>
      <c r="V143" s="110"/>
      <c r="W143" s="110"/>
      <c r="X143" s="110"/>
      <c r="Y143" s="110"/>
      <c r="Z143" s="110"/>
      <c r="AA143" s="110"/>
      <c r="AB143" s="110"/>
      <c r="AC143" s="110"/>
      <c r="AD143" s="110"/>
      <c r="AE143" s="110"/>
      <c r="AF143" s="110"/>
      <c r="AG143" s="110"/>
      <c r="AH143" s="110"/>
      <c r="AI143" s="110"/>
      <c r="AJ143" s="110"/>
      <c r="AK143" s="110"/>
      <c r="AL143" s="110"/>
      <c r="AM143" s="111"/>
      <c r="AN143" s="110"/>
    </row>
    <row r="144" spans="1:40" ht="9.75" customHeight="1">
      <c r="A144" s="109"/>
      <c r="B144" s="110"/>
      <c r="C144" s="110"/>
      <c r="D144" s="110"/>
      <c r="E144" s="110"/>
      <c r="F144" s="110"/>
      <c r="G144" s="110"/>
      <c r="H144" s="110"/>
      <c r="I144" s="110"/>
      <c r="J144" s="110"/>
      <c r="K144" s="110"/>
      <c r="L144" s="110"/>
      <c r="M144" s="110"/>
      <c r="N144" s="110"/>
      <c r="O144" s="110"/>
      <c r="P144" s="110"/>
      <c r="Q144" s="110"/>
      <c r="R144" s="110"/>
      <c r="S144" s="110"/>
      <c r="T144" s="110"/>
      <c r="U144" s="110"/>
      <c r="V144" s="110"/>
      <c r="W144" s="110"/>
      <c r="X144" s="110"/>
      <c r="Y144" s="110"/>
      <c r="Z144" s="110"/>
      <c r="AA144" s="110"/>
      <c r="AB144" s="110"/>
      <c r="AC144" s="110"/>
      <c r="AD144" s="110"/>
      <c r="AE144" s="110"/>
      <c r="AF144" s="110"/>
      <c r="AG144" s="110"/>
      <c r="AH144" s="110"/>
      <c r="AI144" s="110"/>
      <c r="AJ144" s="110"/>
      <c r="AK144" s="110"/>
      <c r="AL144" s="110"/>
      <c r="AM144" s="111"/>
      <c r="AN144" s="110"/>
    </row>
    <row r="145" spans="1:40" ht="9.75" customHeight="1">
      <c r="A145" s="109"/>
      <c r="B145" s="110"/>
      <c r="C145" s="110"/>
      <c r="D145" s="110"/>
      <c r="E145" s="110"/>
      <c r="F145" s="110"/>
      <c r="G145" s="110"/>
      <c r="H145" s="110"/>
      <c r="I145" s="110"/>
      <c r="J145" s="110"/>
      <c r="K145" s="110"/>
      <c r="L145" s="110"/>
      <c r="M145" s="110"/>
      <c r="N145" s="110"/>
      <c r="O145" s="110"/>
      <c r="P145" s="110"/>
      <c r="Q145" s="110"/>
      <c r="R145" s="110"/>
      <c r="S145" s="110"/>
      <c r="T145" s="110"/>
      <c r="U145" s="110"/>
      <c r="V145" s="110"/>
      <c r="W145" s="110"/>
      <c r="X145" s="110"/>
      <c r="Y145" s="110"/>
      <c r="Z145" s="110"/>
      <c r="AA145" s="110"/>
      <c r="AB145" s="110"/>
      <c r="AC145" s="110"/>
      <c r="AD145" s="110"/>
      <c r="AE145" s="110"/>
      <c r="AF145" s="110"/>
      <c r="AG145" s="110"/>
      <c r="AH145" s="110"/>
      <c r="AI145" s="110"/>
      <c r="AJ145" s="110"/>
      <c r="AK145" s="110"/>
      <c r="AL145" s="110"/>
      <c r="AM145" s="111"/>
      <c r="AN145" s="110"/>
    </row>
    <row r="146" spans="1:40" ht="9.75" customHeight="1">
      <c r="A146" s="109"/>
      <c r="B146" s="110"/>
      <c r="C146" s="110"/>
      <c r="D146" s="110"/>
      <c r="E146" s="110"/>
      <c r="F146" s="110"/>
      <c r="G146" s="110"/>
      <c r="H146" s="110"/>
      <c r="I146" s="110"/>
      <c r="J146" s="110"/>
      <c r="K146" s="110"/>
      <c r="L146" s="110"/>
      <c r="M146" s="110"/>
      <c r="N146" s="110"/>
      <c r="O146" s="110"/>
      <c r="P146" s="110"/>
      <c r="Q146" s="110"/>
      <c r="R146" s="110"/>
      <c r="S146" s="110"/>
      <c r="T146" s="110"/>
      <c r="U146" s="110"/>
      <c r="V146" s="110"/>
      <c r="W146" s="110"/>
      <c r="X146" s="110"/>
      <c r="Y146" s="110"/>
      <c r="Z146" s="110"/>
      <c r="AA146" s="110"/>
      <c r="AB146" s="110"/>
      <c r="AC146" s="110"/>
      <c r="AD146" s="110"/>
      <c r="AE146" s="110"/>
      <c r="AF146" s="110"/>
      <c r="AG146" s="110"/>
      <c r="AH146" s="110"/>
      <c r="AI146" s="110"/>
      <c r="AJ146" s="110"/>
      <c r="AK146" s="110"/>
      <c r="AL146" s="110"/>
      <c r="AM146" s="111"/>
      <c r="AN146" s="110"/>
    </row>
    <row r="147" spans="1:40" ht="9.75" customHeight="1">
      <c r="A147" s="109"/>
      <c r="B147" s="110"/>
      <c r="C147" s="110"/>
      <c r="D147" s="110"/>
      <c r="E147" s="110"/>
      <c r="F147" s="110"/>
      <c r="G147" s="110"/>
      <c r="H147" s="110"/>
      <c r="I147" s="110"/>
      <c r="J147" s="110"/>
      <c r="K147" s="110"/>
      <c r="L147" s="110"/>
      <c r="M147" s="110"/>
      <c r="N147" s="110"/>
      <c r="O147" s="110"/>
      <c r="P147" s="110"/>
      <c r="Q147" s="110"/>
      <c r="R147" s="110"/>
      <c r="S147" s="110"/>
      <c r="T147" s="110"/>
      <c r="U147" s="110"/>
      <c r="V147" s="110"/>
      <c r="W147" s="110"/>
      <c r="X147" s="110"/>
      <c r="Y147" s="110"/>
      <c r="Z147" s="110"/>
      <c r="AA147" s="110"/>
      <c r="AB147" s="110"/>
      <c r="AC147" s="110"/>
      <c r="AD147" s="110"/>
      <c r="AE147" s="110"/>
      <c r="AF147" s="110"/>
      <c r="AG147" s="110"/>
      <c r="AH147" s="110"/>
      <c r="AI147" s="110"/>
      <c r="AJ147" s="110"/>
      <c r="AK147" s="110"/>
      <c r="AL147" s="110"/>
      <c r="AM147" s="111"/>
      <c r="AN147" s="110"/>
    </row>
    <row r="148" spans="1:40" ht="9.75" customHeight="1">
      <c r="A148" s="109"/>
      <c r="B148" s="110"/>
      <c r="C148" s="110"/>
      <c r="D148" s="110"/>
      <c r="E148" s="110"/>
      <c r="F148" s="110"/>
      <c r="G148" s="110"/>
      <c r="H148" s="110"/>
      <c r="I148" s="110"/>
      <c r="J148" s="110"/>
      <c r="K148" s="110"/>
      <c r="L148" s="110"/>
      <c r="M148" s="110"/>
      <c r="N148" s="110"/>
      <c r="O148" s="110"/>
      <c r="P148" s="110"/>
      <c r="Q148" s="110"/>
      <c r="R148" s="110"/>
      <c r="S148" s="110"/>
      <c r="T148" s="110"/>
      <c r="U148" s="110"/>
      <c r="V148" s="110"/>
      <c r="W148" s="110"/>
      <c r="X148" s="110"/>
      <c r="Y148" s="110"/>
      <c r="Z148" s="110"/>
      <c r="AA148" s="110"/>
      <c r="AB148" s="110"/>
      <c r="AC148" s="110"/>
      <c r="AD148" s="110"/>
      <c r="AE148" s="110"/>
      <c r="AF148" s="110"/>
      <c r="AG148" s="110"/>
      <c r="AH148" s="110"/>
      <c r="AI148" s="110"/>
      <c r="AJ148" s="110"/>
      <c r="AK148" s="110"/>
      <c r="AL148" s="110"/>
      <c r="AM148" s="111"/>
      <c r="AN148" s="110"/>
    </row>
    <row r="149" spans="1:40" ht="9.75" customHeight="1">
      <c r="A149" s="109"/>
      <c r="B149" s="110"/>
      <c r="C149" s="110"/>
      <c r="D149" s="110"/>
      <c r="E149" s="110"/>
      <c r="F149" s="110"/>
      <c r="G149" s="110"/>
      <c r="H149" s="110"/>
      <c r="I149" s="110"/>
      <c r="J149" s="110"/>
      <c r="K149" s="110"/>
      <c r="L149" s="110"/>
      <c r="M149" s="110"/>
      <c r="N149" s="110"/>
      <c r="O149" s="110"/>
      <c r="P149" s="110"/>
      <c r="Q149" s="110"/>
      <c r="R149" s="110"/>
      <c r="S149" s="110"/>
      <c r="T149" s="110"/>
      <c r="U149" s="110"/>
      <c r="V149" s="110"/>
      <c r="W149" s="110"/>
      <c r="X149" s="110"/>
      <c r="Y149" s="110"/>
      <c r="Z149" s="110"/>
      <c r="AA149" s="110"/>
      <c r="AB149" s="110"/>
      <c r="AC149" s="110"/>
      <c r="AD149" s="110"/>
      <c r="AE149" s="110"/>
      <c r="AF149" s="110"/>
      <c r="AG149" s="110"/>
      <c r="AH149" s="110"/>
      <c r="AI149" s="110"/>
      <c r="AJ149" s="110"/>
      <c r="AK149" s="110"/>
      <c r="AL149" s="110"/>
      <c r="AM149" s="111"/>
      <c r="AN149" s="110"/>
    </row>
    <row r="150" spans="1:40" ht="9.75" customHeight="1">
      <c r="A150" s="109"/>
      <c r="B150" s="110"/>
      <c r="C150" s="110"/>
      <c r="D150" s="110"/>
      <c r="E150" s="110"/>
      <c r="F150" s="110"/>
      <c r="G150" s="110"/>
      <c r="H150" s="110"/>
      <c r="I150" s="110"/>
      <c r="J150" s="110"/>
      <c r="K150" s="110"/>
      <c r="L150" s="110"/>
      <c r="M150" s="110"/>
      <c r="N150" s="110"/>
      <c r="O150" s="110"/>
      <c r="P150" s="110"/>
      <c r="Q150" s="110"/>
      <c r="R150" s="110"/>
      <c r="S150" s="110"/>
      <c r="T150" s="110"/>
      <c r="U150" s="110"/>
      <c r="V150" s="110"/>
      <c r="W150" s="110"/>
      <c r="X150" s="110"/>
      <c r="Y150" s="110"/>
      <c r="Z150" s="110"/>
      <c r="AA150" s="110"/>
      <c r="AB150" s="110"/>
      <c r="AC150" s="110"/>
      <c r="AD150" s="110"/>
      <c r="AE150" s="110"/>
      <c r="AF150" s="110"/>
      <c r="AG150" s="110"/>
      <c r="AH150" s="110"/>
      <c r="AI150" s="110"/>
      <c r="AJ150" s="110"/>
      <c r="AK150" s="110"/>
      <c r="AL150" s="110"/>
      <c r="AM150" s="111"/>
      <c r="AN150" s="110"/>
    </row>
    <row r="151" spans="1:40" ht="9.75" customHeight="1">
      <c r="A151" s="109"/>
      <c r="B151" s="110"/>
      <c r="C151" s="110"/>
      <c r="D151" s="110"/>
      <c r="E151" s="110"/>
      <c r="F151" s="110"/>
      <c r="G151" s="110"/>
      <c r="H151" s="110"/>
      <c r="I151" s="110"/>
      <c r="J151" s="110"/>
      <c r="K151" s="110"/>
      <c r="L151" s="110"/>
      <c r="M151" s="110"/>
      <c r="N151" s="110"/>
      <c r="O151" s="110"/>
      <c r="P151" s="110"/>
      <c r="Q151" s="110"/>
      <c r="R151" s="110"/>
      <c r="S151" s="110"/>
      <c r="T151" s="110"/>
      <c r="U151" s="110"/>
      <c r="V151" s="110"/>
      <c r="W151" s="110"/>
      <c r="X151" s="110"/>
      <c r="Y151" s="110"/>
      <c r="Z151" s="110"/>
      <c r="AA151" s="110"/>
      <c r="AB151" s="110"/>
      <c r="AC151" s="110"/>
      <c r="AD151" s="110"/>
      <c r="AE151" s="110"/>
      <c r="AF151" s="110"/>
      <c r="AG151" s="110"/>
      <c r="AH151" s="110"/>
      <c r="AI151" s="110"/>
      <c r="AJ151" s="110"/>
      <c r="AK151" s="110"/>
      <c r="AL151" s="110"/>
      <c r="AM151" s="111"/>
      <c r="AN151" s="110"/>
    </row>
    <row r="152" spans="1:40" ht="9.75" customHeight="1">
      <c r="A152" s="109"/>
      <c r="B152" s="110"/>
      <c r="C152" s="110"/>
      <c r="D152" s="110"/>
      <c r="E152" s="110"/>
      <c r="F152" s="110"/>
      <c r="G152" s="110"/>
      <c r="H152" s="110"/>
      <c r="I152" s="110"/>
      <c r="J152" s="110"/>
      <c r="K152" s="110"/>
      <c r="L152" s="110"/>
      <c r="M152" s="110"/>
      <c r="N152" s="110"/>
      <c r="O152" s="110"/>
      <c r="P152" s="110"/>
      <c r="Q152" s="110"/>
      <c r="R152" s="110"/>
      <c r="S152" s="110"/>
      <c r="T152" s="110"/>
      <c r="U152" s="110"/>
      <c r="V152" s="110"/>
      <c r="W152" s="110"/>
      <c r="X152" s="110"/>
      <c r="Y152" s="110"/>
      <c r="Z152" s="110"/>
      <c r="AA152" s="110"/>
      <c r="AB152" s="110"/>
      <c r="AC152" s="110"/>
      <c r="AD152" s="110"/>
      <c r="AE152" s="110"/>
      <c r="AF152" s="110"/>
      <c r="AG152" s="110"/>
      <c r="AH152" s="110"/>
      <c r="AI152" s="110"/>
      <c r="AJ152" s="110"/>
      <c r="AK152" s="110"/>
      <c r="AL152" s="110"/>
      <c r="AM152" s="111"/>
      <c r="AN152" s="110"/>
    </row>
    <row r="153" spans="1:40" ht="9.75" customHeight="1">
      <c r="A153" s="109"/>
      <c r="B153" s="110"/>
      <c r="C153" s="110"/>
      <c r="D153" s="110"/>
      <c r="E153" s="110"/>
      <c r="F153" s="110"/>
      <c r="G153" s="110"/>
      <c r="H153" s="110"/>
      <c r="I153" s="110"/>
      <c r="J153" s="110"/>
      <c r="K153" s="110"/>
      <c r="L153" s="110"/>
      <c r="M153" s="110"/>
      <c r="N153" s="110"/>
      <c r="O153" s="110"/>
      <c r="P153" s="110"/>
      <c r="Q153" s="110"/>
      <c r="R153" s="110"/>
      <c r="S153" s="110"/>
      <c r="T153" s="110"/>
      <c r="U153" s="110"/>
      <c r="V153" s="110"/>
      <c r="W153" s="110"/>
      <c r="X153" s="110"/>
      <c r="Y153" s="110"/>
      <c r="Z153" s="110"/>
      <c r="AA153" s="110"/>
      <c r="AB153" s="110"/>
      <c r="AC153" s="110"/>
      <c r="AD153" s="110"/>
      <c r="AE153" s="110"/>
      <c r="AF153" s="110"/>
      <c r="AG153" s="110"/>
      <c r="AH153" s="110"/>
      <c r="AI153" s="110"/>
      <c r="AJ153" s="110"/>
      <c r="AK153" s="110"/>
      <c r="AL153" s="110"/>
      <c r="AM153" s="111"/>
      <c r="AN153" s="110"/>
    </row>
    <row r="154" spans="1:40" ht="9.75" customHeight="1">
      <c r="A154" s="109"/>
      <c r="B154" s="110"/>
      <c r="C154" s="110"/>
      <c r="D154" s="110"/>
      <c r="E154" s="110"/>
      <c r="F154" s="110"/>
      <c r="G154" s="110"/>
      <c r="H154" s="110"/>
      <c r="I154" s="110"/>
      <c r="J154" s="110"/>
      <c r="K154" s="110"/>
      <c r="L154" s="110"/>
      <c r="M154" s="110"/>
      <c r="N154" s="110"/>
      <c r="O154" s="110"/>
      <c r="P154" s="110"/>
      <c r="Q154" s="110"/>
      <c r="R154" s="110"/>
      <c r="S154" s="110"/>
      <c r="T154" s="110"/>
      <c r="U154" s="110"/>
      <c r="V154" s="110"/>
      <c r="W154" s="110"/>
      <c r="X154" s="110"/>
      <c r="Y154" s="110"/>
      <c r="Z154" s="110"/>
      <c r="AA154" s="110"/>
      <c r="AB154" s="110"/>
      <c r="AC154" s="110"/>
      <c r="AD154" s="110"/>
      <c r="AE154" s="110"/>
      <c r="AF154" s="110"/>
      <c r="AG154" s="110"/>
      <c r="AH154" s="110"/>
      <c r="AI154" s="110"/>
      <c r="AJ154" s="110"/>
      <c r="AK154" s="110"/>
      <c r="AL154" s="110"/>
      <c r="AM154" s="111"/>
      <c r="AN154" s="110"/>
    </row>
    <row r="155" spans="1:40" ht="9.75" customHeight="1">
      <c r="A155" s="109"/>
      <c r="B155" s="110"/>
      <c r="C155" s="110"/>
      <c r="D155" s="110"/>
      <c r="E155" s="110"/>
      <c r="F155" s="110"/>
      <c r="G155" s="110"/>
      <c r="H155" s="110"/>
      <c r="I155" s="110"/>
      <c r="J155" s="110"/>
      <c r="K155" s="110"/>
      <c r="L155" s="110"/>
      <c r="M155" s="110"/>
      <c r="N155" s="110"/>
      <c r="O155" s="110"/>
      <c r="P155" s="110"/>
      <c r="Q155" s="110"/>
      <c r="R155" s="110"/>
      <c r="S155" s="110"/>
      <c r="T155" s="110"/>
      <c r="U155" s="110"/>
      <c r="V155" s="110"/>
      <c r="W155" s="110"/>
      <c r="X155" s="110"/>
      <c r="Y155" s="110"/>
      <c r="Z155" s="110"/>
      <c r="AA155" s="110"/>
      <c r="AB155" s="110"/>
      <c r="AC155" s="110"/>
      <c r="AD155" s="110"/>
      <c r="AE155" s="110"/>
      <c r="AF155" s="110"/>
      <c r="AG155" s="110"/>
      <c r="AH155" s="110"/>
      <c r="AI155" s="110"/>
      <c r="AJ155" s="110"/>
      <c r="AK155" s="110"/>
      <c r="AL155" s="110"/>
      <c r="AM155" s="111"/>
      <c r="AN155" s="110"/>
    </row>
    <row r="156" spans="1:40" ht="9.75" customHeight="1">
      <c r="A156" s="109"/>
      <c r="B156" s="110"/>
      <c r="C156" s="110"/>
      <c r="D156" s="110"/>
      <c r="E156" s="110"/>
      <c r="F156" s="110"/>
      <c r="G156" s="110"/>
      <c r="H156" s="110"/>
      <c r="I156" s="110"/>
      <c r="J156" s="110"/>
      <c r="K156" s="110"/>
      <c r="L156" s="110"/>
      <c r="M156" s="110"/>
      <c r="N156" s="110"/>
      <c r="O156" s="110"/>
      <c r="P156" s="110"/>
      <c r="Q156" s="110"/>
      <c r="R156" s="110"/>
      <c r="S156" s="110"/>
      <c r="T156" s="110"/>
      <c r="U156" s="110"/>
      <c r="V156" s="110"/>
      <c r="W156" s="110"/>
      <c r="X156" s="110"/>
      <c r="Y156" s="110"/>
      <c r="Z156" s="110"/>
      <c r="AA156" s="110"/>
      <c r="AB156" s="110"/>
      <c r="AC156" s="110"/>
      <c r="AD156" s="110"/>
      <c r="AE156" s="110"/>
      <c r="AF156" s="110"/>
      <c r="AG156" s="110"/>
      <c r="AH156" s="110"/>
      <c r="AI156" s="110"/>
      <c r="AJ156" s="110"/>
      <c r="AK156" s="110"/>
      <c r="AL156" s="110"/>
      <c r="AM156" s="111"/>
      <c r="AN156" s="110"/>
    </row>
    <row r="157" spans="1:40" ht="9.75" customHeight="1">
      <c r="A157" s="109"/>
      <c r="B157" s="110"/>
      <c r="C157" s="110"/>
      <c r="D157" s="110"/>
      <c r="E157" s="110"/>
      <c r="F157" s="110"/>
      <c r="G157" s="110"/>
      <c r="H157" s="110"/>
      <c r="I157" s="110"/>
      <c r="J157" s="110"/>
      <c r="K157" s="110"/>
      <c r="L157" s="110"/>
      <c r="M157" s="110"/>
      <c r="N157" s="110"/>
      <c r="O157" s="110"/>
      <c r="P157" s="110"/>
      <c r="Q157" s="110"/>
      <c r="R157" s="110"/>
      <c r="S157" s="110"/>
      <c r="T157" s="110"/>
      <c r="U157" s="110"/>
      <c r="V157" s="110"/>
      <c r="W157" s="110"/>
      <c r="X157" s="110"/>
      <c r="Y157" s="110"/>
      <c r="Z157" s="110"/>
      <c r="AA157" s="110"/>
      <c r="AB157" s="110"/>
      <c r="AC157" s="110"/>
      <c r="AD157" s="110"/>
      <c r="AE157" s="110"/>
      <c r="AF157" s="110"/>
      <c r="AG157" s="110"/>
      <c r="AH157" s="110"/>
      <c r="AI157" s="110"/>
      <c r="AJ157" s="110"/>
      <c r="AK157" s="110"/>
      <c r="AL157" s="110"/>
      <c r="AM157" s="111"/>
      <c r="AN157" s="110"/>
    </row>
    <row r="158" spans="1:40" ht="9.75" customHeight="1">
      <c r="A158" s="109"/>
      <c r="B158" s="110"/>
      <c r="C158" s="110"/>
      <c r="D158" s="110"/>
      <c r="E158" s="110"/>
      <c r="F158" s="110"/>
      <c r="G158" s="110"/>
      <c r="H158" s="110"/>
      <c r="I158" s="110"/>
      <c r="J158" s="110"/>
      <c r="K158" s="110"/>
      <c r="L158" s="110"/>
      <c r="M158" s="110"/>
      <c r="N158" s="110"/>
      <c r="O158" s="110"/>
      <c r="P158" s="110"/>
      <c r="Q158" s="110"/>
      <c r="R158" s="110"/>
      <c r="S158" s="110"/>
      <c r="T158" s="110"/>
      <c r="U158" s="110"/>
      <c r="V158" s="110"/>
      <c r="W158" s="110"/>
      <c r="X158" s="110"/>
      <c r="Y158" s="110"/>
      <c r="Z158" s="110"/>
      <c r="AA158" s="110"/>
      <c r="AB158" s="110"/>
      <c r="AC158" s="110"/>
      <c r="AD158" s="110"/>
      <c r="AE158" s="110"/>
      <c r="AF158" s="110"/>
      <c r="AG158" s="110"/>
      <c r="AH158" s="110"/>
      <c r="AI158" s="110"/>
      <c r="AJ158" s="110"/>
      <c r="AK158" s="110"/>
      <c r="AL158" s="110"/>
      <c r="AM158" s="111"/>
      <c r="AN158" s="110"/>
    </row>
    <row r="159" spans="1:40" ht="9.75" customHeight="1">
      <c r="A159" s="109"/>
      <c r="B159" s="110"/>
      <c r="C159" s="110"/>
      <c r="D159" s="110"/>
      <c r="E159" s="110"/>
      <c r="F159" s="110"/>
      <c r="G159" s="110"/>
      <c r="H159" s="110"/>
      <c r="I159" s="110"/>
      <c r="J159" s="110"/>
      <c r="K159" s="110"/>
      <c r="L159" s="110"/>
      <c r="M159" s="110"/>
      <c r="N159" s="110"/>
      <c r="O159" s="110"/>
      <c r="P159" s="110"/>
      <c r="Q159" s="110"/>
      <c r="R159" s="110"/>
      <c r="S159" s="110"/>
      <c r="T159" s="110"/>
      <c r="U159" s="110"/>
      <c r="V159" s="110"/>
      <c r="W159" s="110"/>
      <c r="X159" s="110"/>
      <c r="Y159" s="110"/>
      <c r="Z159" s="110"/>
      <c r="AA159" s="110"/>
      <c r="AB159" s="110"/>
      <c r="AC159" s="110"/>
      <c r="AD159" s="110"/>
      <c r="AE159" s="110"/>
      <c r="AF159" s="110"/>
      <c r="AG159" s="110"/>
      <c r="AH159" s="110"/>
      <c r="AI159" s="110"/>
      <c r="AJ159" s="110"/>
      <c r="AK159" s="110"/>
      <c r="AL159" s="110"/>
      <c r="AM159" s="111"/>
      <c r="AN159" s="110"/>
    </row>
    <row r="160" spans="1:40" ht="9.75" customHeight="1">
      <c r="A160" s="109"/>
      <c r="B160" s="110"/>
      <c r="C160" s="110"/>
      <c r="D160" s="110"/>
      <c r="E160" s="110"/>
      <c r="F160" s="110"/>
      <c r="G160" s="110"/>
      <c r="H160" s="110"/>
      <c r="I160" s="110"/>
      <c r="J160" s="110"/>
      <c r="K160" s="110"/>
      <c r="L160" s="110"/>
      <c r="M160" s="110"/>
      <c r="N160" s="110"/>
      <c r="O160" s="110"/>
      <c r="P160" s="110"/>
      <c r="Q160" s="110"/>
      <c r="R160" s="110"/>
      <c r="S160" s="110"/>
      <c r="T160" s="110"/>
      <c r="U160" s="110"/>
      <c r="V160" s="110"/>
      <c r="W160" s="110"/>
      <c r="X160" s="110"/>
      <c r="Y160" s="110"/>
      <c r="Z160" s="110"/>
      <c r="AA160" s="110"/>
      <c r="AB160" s="110"/>
      <c r="AC160" s="110"/>
      <c r="AD160" s="110"/>
      <c r="AE160" s="110"/>
      <c r="AF160" s="110"/>
      <c r="AG160" s="110"/>
      <c r="AH160" s="110"/>
      <c r="AI160" s="110"/>
      <c r="AJ160" s="110"/>
      <c r="AK160" s="110"/>
      <c r="AL160" s="110"/>
      <c r="AM160" s="111"/>
      <c r="AN160" s="110"/>
    </row>
    <row r="161" spans="1:40" ht="9.75" customHeight="1">
      <c r="A161" s="109"/>
      <c r="B161" s="110"/>
      <c r="C161" s="110"/>
      <c r="D161" s="110"/>
      <c r="E161" s="110"/>
      <c r="F161" s="110"/>
      <c r="G161" s="110"/>
      <c r="H161" s="110"/>
      <c r="I161" s="110"/>
      <c r="J161" s="110"/>
      <c r="K161" s="110"/>
      <c r="L161" s="110"/>
      <c r="M161" s="110"/>
      <c r="N161" s="110"/>
      <c r="O161" s="110"/>
      <c r="P161" s="110"/>
      <c r="Q161" s="110"/>
      <c r="R161" s="110"/>
      <c r="S161" s="110"/>
      <c r="T161" s="110"/>
      <c r="U161" s="110"/>
      <c r="V161" s="110"/>
      <c r="W161" s="110"/>
      <c r="X161" s="110"/>
      <c r="Y161" s="110"/>
      <c r="Z161" s="110"/>
      <c r="AA161" s="110"/>
      <c r="AB161" s="110"/>
      <c r="AC161" s="110"/>
      <c r="AD161" s="110"/>
      <c r="AE161" s="110"/>
      <c r="AF161" s="110"/>
      <c r="AG161" s="110"/>
      <c r="AH161" s="110"/>
      <c r="AI161" s="110"/>
      <c r="AJ161" s="110"/>
      <c r="AK161" s="110"/>
      <c r="AL161" s="110"/>
      <c r="AM161" s="111"/>
      <c r="AN161" s="110"/>
    </row>
    <row r="162" spans="1:40" ht="9.75" customHeight="1">
      <c r="A162" s="109"/>
      <c r="B162" s="110"/>
      <c r="C162" s="110"/>
      <c r="D162" s="110"/>
      <c r="E162" s="110"/>
      <c r="F162" s="110"/>
      <c r="G162" s="110"/>
      <c r="H162" s="110"/>
      <c r="I162" s="110"/>
      <c r="J162" s="110"/>
      <c r="K162" s="110"/>
      <c r="L162" s="110"/>
      <c r="M162" s="110"/>
      <c r="N162" s="110"/>
      <c r="O162" s="110"/>
      <c r="P162" s="110"/>
      <c r="Q162" s="110"/>
      <c r="R162" s="110"/>
      <c r="S162" s="110"/>
      <c r="T162" s="110"/>
      <c r="U162" s="110"/>
      <c r="V162" s="110"/>
      <c r="W162" s="110"/>
      <c r="X162" s="110"/>
      <c r="Y162" s="110"/>
      <c r="Z162" s="110"/>
      <c r="AA162" s="110"/>
      <c r="AB162" s="110"/>
      <c r="AC162" s="110"/>
      <c r="AD162" s="110"/>
      <c r="AE162" s="110"/>
      <c r="AF162" s="110"/>
      <c r="AG162" s="110"/>
      <c r="AH162" s="110"/>
      <c r="AI162" s="110"/>
      <c r="AJ162" s="110"/>
      <c r="AK162" s="110"/>
      <c r="AL162" s="110"/>
      <c r="AM162" s="111"/>
      <c r="AN162" s="110"/>
    </row>
    <row r="163" spans="1:40" ht="9.75" customHeight="1">
      <c r="A163" s="109"/>
      <c r="B163" s="110"/>
      <c r="C163" s="110"/>
      <c r="D163" s="110"/>
      <c r="E163" s="110"/>
      <c r="F163" s="110"/>
      <c r="G163" s="110"/>
      <c r="H163" s="110"/>
      <c r="I163" s="110"/>
      <c r="J163" s="110"/>
      <c r="K163" s="110"/>
      <c r="L163" s="110"/>
      <c r="M163" s="110"/>
      <c r="N163" s="110"/>
      <c r="O163" s="110"/>
      <c r="P163" s="110"/>
      <c r="Q163" s="110"/>
      <c r="R163" s="110"/>
      <c r="S163" s="110"/>
      <c r="T163" s="110"/>
      <c r="U163" s="110"/>
      <c r="V163" s="110"/>
      <c r="W163" s="110"/>
      <c r="X163" s="110"/>
      <c r="Y163" s="110"/>
      <c r="Z163" s="110"/>
      <c r="AA163" s="110"/>
      <c r="AB163" s="110"/>
      <c r="AC163" s="110"/>
      <c r="AD163" s="110"/>
      <c r="AE163" s="110"/>
      <c r="AF163" s="110"/>
      <c r="AG163" s="110"/>
      <c r="AH163" s="110"/>
      <c r="AI163" s="110"/>
      <c r="AJ163" s="110"/>
      <c r="AK163" s="110"/>
      <c r="AL163" s="110"/>
      <c r="AM163" s="111"/>
      <c r="AN163" s="110"/>
    </row>
    <row r="164" spans="1:40" ht="9.75" customHeight="1">
      <c r="A164" s="109"/>
      <c r="B164" s="110"/>
      <c r="C164" s="110"/>
      <c r="D164" s="110"/>
      <c r="E164" s="110"/>
      <c r="F164" s="110"/>
      <c r="G164" s="110"/>
      <c r="H164" s="110"/>
      <c r="I164" s="110"/>
      <c r="J164" s="110"/>
      <c r="K164" s="110"/>
      <c r="L164" s="110"/>
      <c r="M164" s="110"/>
      <c r="N164" s="110"/>
      <c r="O164" s="110"/>
      <c r="P164" s="110"/>
      <c r="Q164" s="110"/>
      <c r="R164" s="110"/>
      <c r="S164" s="110"/>
      <c r="T164" s="110"/>
      <c r="U164" s="110"/>
      <c r="V164" s="110"/>
      <c r="W164" s="110"/>
      <c r="X164" s="110"/>
      <c r="Y164" s="110"/>
      <c r="Z164" s="110"/>
      <c r="AA164" s="110"/>
      <c r="AB164" s="110"/>
      <c r="AC164" s="110"/>
      <c r="AD164" s="110"/>
      <c r="AE164" s="110"/>
      <c r="AF164" s="110"/>
      <c r="AG164" s="110"/>
      <c r="AH164" s="110"/>
      <c r="AI164" s="110"/>
      <c r="AJ164" s="110"/>
      <c r="AK164" s="110"/>
      <c r="AL164" s="110"/>
      <c r="AM164" s="111"/>
      <c r="AN164" s="110"/>
    </row>
    <row r="165" spans="1:40" ht="9.75" customHeight="1">
      <c r="A165" s="109"/>
      <c r="B165" s="110"/>
      <c r="C165" s="110"/>
      <c r="D165" s="110"/>
      <c r="E165" s="110"/>
      <c r="F165" s="110"/>
      <c r="G165" s="110"/>
      <c r="H165" s="110"/>
      <c r="I165" s="110"/>
      <c r="J165" s="110"/>
      <c r="K165" s="110"/>
      <c r="L165" s="110"/>
      <c r="M165" s="110"/>
      <c r="N165" s="110"/>
      <c r="O165" s="110"/>
      <c r="P165" s="110"/>
      <c r="Q165" s="110"/>
      <c r="R165" s="110"/>
      <c r="S165" s="110"/>
      <c r="T165" s="110"/>
      <c r="U165" s="110"/>
      <c r="V165" s="110"/>
      <c r="W165" s="110"/>
      <c r="X165" s="110"/>
      <c r="Y165" s="110"/>
      <c r="Z165" s="110"/>
      <c r="AA165" s="110"/>
      <c r="AB165" s="110"/>
      <c r="AC165" s="110"/>
      <c r="AD165" s="110"/>
      <c r="AE165" s="110"/>
      <c r="AF165" s="110"/>
      <c r="AG165" s="110"/>
      <c r="AH165" s="110"/>
      <c r="AI165" s="110"/>
      <c r="AJ165" s="110"/>
      <c r="AK165" s="110"/>
      <c r="AL165" s="110"/>
      <c r="AM165" s="111"/>
      <c r="AN165" s="110"/>
    </row>
    <row r="166" spans="1:40" ht="9.75" customHeight="1">
      <c r="A166" s="109"/>
      <c r="B166" s="110"/>
      <c r="C166" s="110"/>
      <c r="D166" s="110"/>
      <c r="E166" s="110"/>
      <c r="F166" s="110"/>
      <c r="G166" s="110"/>
      <c r="H166" s="110"/>
      <c r="I166" s="110"/>
      <c r="J166" s="110"/>
      <c r="K166" s="110"/>
      <c r="L166" s="110"/>
      <c r="M166" s="110"/>
      <c r="N166" s="110"/>
      <c r="O166" s="110"/>
      <c r="P166" s="110"/>
      <c r="Q166" s="110"/>
      <c r="R166" s="110"/>
      <c r="S166" s="110"/>
      <c r="T166" s="110"/>
      <c r="U166" s="110"/>
      <c r="V166" s="110"/>
      <c r="W166" s="110"/>
      <c r="X166" s="110"/>
      <c r="Y166" s="110"/>
      <c r="Z166" s="110"/>
      <c r="AA166" s="110"/>
      <c r="AB166" s="110"/>
      <c r="AC166" s="110"/>
      <c r="AD166" s="110"/>
      <c r="AE166" s="110"/>
      <c r="AF166" s="110"/>
      <c r="AG166" s="110"/>
      <c r="AH166" s="110"/>
      <c r="AI166" s="110"/>
      <c r="AJ166" s="110"/>
      <c r="AK166" s="110"/>
      <c r="AL166" s="110"/>
      <c r="AM166" s="111"/>
      <c r="AN166" s="110"/>
    </row>
    <row r="167" spans="1:40" ht="9.75" customHeight="1">
      <c r="A167" s="109"/>
      <c r="B167" s="110"/>
      <c r="C167" s="110"/>
      <c r="D167" s="110"/>
      <c r="E167" s="110"/>
      <c r="F167" s="110"/>
      <c r="G167" s="110"/>
      <c r="H167" s="110"/>
      <c r="I167" s="110"/>
      <c r="J167" s="110"/>
      <c r="K167" s="110"/>
      <c r="L167" s="110"/>
      <c r="M167" s="110"/>
      <c r="N167" s="110"/>
      <c r="O167" s="110"/>
      <c r="P167" s="110"/>
      <c r="Q167" s="110"/>
      <c r="R167" s="110"/>
      <c r="S167" s="110"/>
      <c r="T167" s="110"/>
      <c r="U167" s="110"/>
      <c r="V167" s="110"/>
      <c r="W167" s="110"/>
      <c r="X167" s="110"/>
      <c r="Y167" s="110"/>
      <c r="Z167" s="110"/>
      <c r="AA167" s="110"/>
      <c r="AB167" s="110"/>
      <c r="AC167" s="110"/>
      <c r="AD167" s="110"/>
      <c r="AE167" s="110"/>
      <c r="AF167" s="110"/>
      <c r="AG167" s="110"/>
      <c r="AH167" s="110"/>
      <c r="AI167" s="110"/>
      <c r="AJ167" s="110"/>
      <c r="AK167" s="110"/>
      <c r="AL167" s="110"/>
      <c r="AM167" s="111"/>
      <c r="AN167" s="110"/>
    </row>
    <row r="168" spans="1:40" ht="9.75" customHeight="1">
      <c r="A168" s="109"/>
      <c r="B168" s="110"/>
      <c r="C168" s="110"/>
      <c r="D168" s="110"/>
      <c r="E168" s="110"/>
      <c r="F168" s="110"/>
      <c r="G168" s="110"/>
      <c r="H168" s="110"/>
      <c r="I168" s="110"/>
      <c r="J168" s="110"/>
      <c r="K168" s="110"/>
      <c r="L168" s="110"/>
      <c r="M168" s="110"/>
      <c r="N168" s="110"/>
      <c r="O168" s="110"/>
      <c r="P168" s="110"/>
      <c r="Q168" s="110"/>
      <c r="R168" s="110"/>
      <c r="S168" s="110"/>
      <c r="T168" s="110"/>
      <c r="U168" s="110"/>
      <c r="V168" s="110"/>
      <c r="W168" s="110"/>
      <c r="X168" s="110"/>
      <c r="Y168" s="110"/>
      <c r="Z168" s="110"/>
      <c r="AA168" s="110"/>
      <c r="AB168" s="110"/>
      <c r="AC168" s="110"/>
      <c r="AD168" s="110"/>
      <c r="AE168" s="110"/>
      <c r="AF168" s="110"/>
      <c r="AG168" s="110"/>
      <c r="AH168" s="110"/>
      <c r="AI168" s="110"/>
      <c r="AJ168" s="110"/>
      <c r="AK168" s="110"/>
      <c r="AL168" s="110"/>
      <c r="AM168" s="111"/>
      <c r="AN168" s="110"/>
    </row>
    <row r="169" spans="1:40" ht="9.75" customHeight="1">
      <c r="A169" s="109"/>
      <c r="B169" s="110"/>
      <c r="C169" s="110"/>
      <c r="D169" s="110"/>
      <c r="E169" s="110"/>
      <c r="F169" s="110"/>
      <c r="G169" s="110"/>
      <c r="H169" s="110"/>
      <c r="I169" s="110"/>
      <c r="J169" s="110"/>
      <c r="K169" s="110"/>
      <c r="L169" s="110"/>
      <c r="M169" s="110"/>
      <c r="N169" s="110"/>
      <c r="O169" s="110"/>
      <c r="P169" s="110"/>
      <c r="Q169" s="110"/>
      <c r="R169" s="110"/>
      <c r="S169" s="110"/>
      <c r="T169" s="110"/>
      <c r="U169" s="110"/>
      <c r="V169" s="110"/>
      <c r="W169" s="110"/>
      <c r="X169" s="110"/>
      <c r="Y169" s="110"/>
      <c r="Z169" s="110"/>
      <c r="AA169" s="110"/>
      <c r="AB169" s="110"/>
      <c r="AC169" s="110"/>
      <c r="AD169" s="110"/>
      <c r="AE169" s="110"/>
      <c r="AF169" s="110"/>
      <c r="AG169" s="110"/>
      <c r="AH169" s="110"/>
      <c r="AI169" s="110"/>
      <c r="AJ169" s="110"/>
      <c r="AK169" s="110"/>
      <c r="AL169" s="110"/>
      <c r="AM169" s="111"/>
      <c r="AN169" s="110"/>
    </row>
    <row r="170" spans="1:40" ht="9.75" customHeight="1">
      <c r="A170" s="109"/>
      <c r="B170" s="110"/>
      <c r="C170" s="110"/>
      <c r="D170" s="110"/>
      <c r="E170" s="110"/>
      <c r="F170" s="110"/>
      <c r="G170" s="110"/>
      <c r="H170" s="110"/>
      <c r="I170" s="110"/>
      <c r="J170" s="110"/>
      <c r="K170" s="110"/>
      <c r="L170" s="110"/>
      <c r="M170" s="110"/>
      <c r="N170" s="110"/>
      <c r="O170" s="110"/>
      <c r="P170" s="110"/>
      <c r="Q170" s="110"/>
      <c r="R170" s="110"/>
      <c r="S170" s="110"/>
      <c r="T170" s="110"/>
      <c r="U170" s="110"/>
      <c r="V170" s="110"/>
      <c r="W170" s="110"/>
      <c r="X170" s="110"/>
      <c r="Y170" s="110"/>
      <c r="Z170" s="110"/>
      <c r="AA170" s="110"/>
      <c r="AB170" s="110"/>
      <c r="AC170" s="110"/>
      <c r="AD170" s="110"/>
      <c r="AE170" s="110"/>
      <c r="AF170" s="110"/>
      <c r="AG170" s="110"/>
      <c r="AH170" s="110"/>
      <c r="AI170" s="110"/>
      <c r="AJ170" s="110"/>
      <c r="AK170" s="110"/>
      <c r="AL170" s="110"/>
      <c r="AM170" s="111"/>
      <c r="AN170" s="110"/>
    </row>
    <row r="171" spans="1:40" ht="9.75" customHeight="1">
      <c r="A171" s="109"/>
      <c r="B171" s="110"/>
      <c r="C171" s="110"/>
      <c r="D171" s="110"/>
      <c r="E171" s="110"/>
      <c r="F171" s="110"/>
      <c r="G171" s="110"/>
      <c r="H171" s="110"/>
      <c r="I171" s="110"/>
      <c r="J171" s="110"/>
      <c r="K171" s="110"/>
      <c r="L171" s="110"/>
      <c r="M171" s="110"/>
      <c r="N171" s="110"/>
      <c r="O171" s="110"/>
      <c r="P171" s="110"/>
      <c r="Q171" s="110"/>
      <c r="R171" s="110"/>
      <c r="S171" s="110"/>
      <c r="T171" s="110"/>
      <c r="U171" s="110"/>
      <c r="V171" s="110"/>
      <c r="W171" s="110"/>
      <c r="X171" s="110"/>
      <c r="Y171" s="110"/>
      <c r="Z171" s="110"/>
      <c r="AA171" s="110"/>
      <c r="AB171" s="110"/>
      <c r="AC171" s="110"/>
      <c r="AD171" s="110"/>
      <c r="AE171" s="110"/>
      <c r="AF171" s="110"/>
      <c r="AG171" s="110"/>
      <c r="AH171" s="110"/>
      <c r="AI171" s="110"/>
      <c r="AJ171" s="110"/>
      <c r="AK171" s="110"/>
      <c r="AL171" s="110"/>
      <c r="AM171" s="111"/>
      <c r="AN171" s="110"/>
    </row>
    <row r="172" spans="1:40" ht="9.75" customHeight="1">
      <c r="A172" s="109"/>
      <c r="B172" s="110"/>
      <c r="C172" s="110"/>
      <c r="D172" s="110"/>
      <c r="E172" s="110"/>
      <c r="F172" s="110"/>
      <c r="G172" s="110"/>
      <c r="H172" s="110"/>
      <c r="I172" s="110"/>
      <c r="J172" s="110"/>
      <c r="K172" s="110"/>
      <c r="L172" s="110"/>
      <c r="M172" s="110"/>
      <c r="N172" s="110"/>
      <c r="O172" s="110"/>
      <c r="P172" s="110"/>
      <c r="Q172" s="110"/>
      <c r="R172" s="110"/>
      <c r="S172" s="110"/>
      <c r="T172" s="110"/>
      <c r="U172" s="110"/>
      <c r="V172" s="110"/>
      <c r="W172" s="110"/>
      <c r="X172" s="110"/>
      <c r="Y172" s="110"/>
      <c r="Z172" s="110"/>
      <c r="AA172" s="110"/>
      <c r="AB172" s="110"/>
      <c r="AC172" s="110"/>
      <c r="AD172" s="110"/>
      <c r="AE172" s="110"/>
      <c r="AF172" s="110"/>
      <c r="AG172" s="110"/>
      <c r="AH172" s="110"/>
      <c r="AI172" s="110"/>
      <c r="AJ172" s="110"/>
      <c r="AK172" s="110"/>
      <c r="AL172" s="110"/>
      <c r="AM172" s="111"/>
      <c r="AN172" s="110"/>
    </row>
    <row r="173" spans="1:40" ht="9.75" customHeight="1">
      <c r="A173" s="112"/>
      <c r="B173" s="113"/>
      <c r="C173" s="113"/>
      <c r="D173" s="113"/>
      <c r="E173" s="113"/>
      <c r="F173" s="113"/>
      <c r="G173" s="113"/>
      <c r="H173" s="113"/>
      <c r="I173" s="113"/>
      <c r="J173" s="113"/>
      <c r="K173" s="113"/>
      <c r="L173" s="113"/>
      <c r="M173" s="113"/>
      <c r="N173" s="113"/>
      <c r="O173" s="113"/>
      <c r="P173" s="113"/>
      <c r="Q173" s="113"/>
      <c r="R173" s="113"/>
      <c r="S173" s="113"/>
      <c r="T173" s="113"/>
      <c r="U173" s="113"/>
      <c r="V173" s="113"/>
      <c r="W173" s="113"/>
      <c r="X173" s="113"/>
      <c r="Y173" s="113"/>
      <c r="Z173" s="113"/>
      <c r="AA173" s="113"/>
      <c r="AB173" s="113"/>
      <c r="AC173" s="113"/>
      <c r="AD173" s="113"/>
      <c r="AE173" s="113"/>
      <c r="AF173" s="113"/>
      <c r="AG173" s="113"/>
      <c r="AH173" s="113"/>
      <c r="AI173" s="113"/>
      <c r="AJ173" s="113"/>
      <c r="AK173" s="113"/>
      <c r="AL173" s="113"/>
      <c r="AM173" s="114"/>
      <c r="AN173" s="110"/>
    </row>
    <row r="174" spans="1:40" ht="9.75" customHeight="1">
      <c r="A174" s="106"/>
      <c r="B174" s="106"/>
      <c r="C174" s="106"/>
      <c r="D174" s="106"/>
      <c r="E174" s="106"/>
      <c r="F174" s="106"/>
      <c r="G174" s="106"/>
      <c r="H174" s="106"/>
      <c r="I174" s="106"/>
      <c r="J174" s="106"/>
      <c r="K174" s="106"/>
      <c r="L174" s="106"/>
      <c r="M174" s="106"/>
      <c r="N174" s="106"/>
      <c r="O174" s="106"/>
      <c r="P174" s="106"/>
      <c r="Q174" s="106"/>
      <c r="R174" s="106"/>
      <c r="S174" s="106"/>
      <c r="T174" s="106"/>
      <c r="U174" s="106"/>
      <c r="V174" s="106"/>
      <c r="W174" s="106"/>
      <c r="X174" s="106"/>
      <c r="Y174" s="106"/>
      <c r="Z174" s="106"/>
      <c r="AA174" s="106"/>
      <c r="AB174" s="106"/>
      <c r="AC174" s="106"/>
      <c r="AD174" s="106"/>
      <c r="AE174" s="106"/>
      <c r="AF174" s="106"/>
      <c r="AG174" s="106"/>
      <c r="AH174" s="106"/>
      <c r="AI174" s="106"/>
      <c r="AJ174" s="106"/>
      <c r="AK174" s="106"/>
      <c r="AL174" s="106"/>
      <c r="AM174" s="106"/>
    </row>
    <row r="175" spans="1:40" ht="9.75" customHeight="1">
      <c r="A175" s="110"/>
      <c r="B175" s="110"/>
      <c r="C175" s="110"/>
      <c r="D175" s="110"/>
      <c r="E175" s="110"/>
      <c r="F175" s="110"/>
      <c r="G175" s="110"/>
      <c r="H175" s="110"/>
      <c r="I175" s="110"/>
      <c r="J175" s="110"/>
      <c r="K175" s="110"/>
      <c r="L175" s="110"/>
      <c r="M175" s="110"/>
      <c r="N175" s="110"/>
      <c r="O175" s="110"/>
      <c r="P175" s="110"/>
      <c r="Q175" s="110"/>
      <c r="R175" s="110"/>
      <c r="S175" s="110"/>
      <c r="T175" s="110"/>
      <c r="U175" s="110"/>
      <c r="V175" s="110"/>
      <c r="W175" s="110"/>
      <c r="X175" s="110"/>
      <c r="Y175" s="110"/>
      <c r="Z175" s="110"/>
      <c r="AA175" s="110"/>
      <c r="AB175" s="110"/>
      <c r="AC175" s="110"/>
      <c r="AD175" s="110"/>
      <c r="AE175" s="110"/>
      <c r="AF175" s="110"/>
      <c r="AG175" s="110"/>
      <c r="AH175" s="110"/>
      <c r="AI175" s="110"/>
      <c r="AJ175" s="110"/>
      <c r="AK175" s="110"/>
      <c r="AL175" s="110"/>
      <c r="AM175" s="110"/>
    </row>
    <row r="176" spans="1:40" ht="9.75" customHeight="1">
      <c r="A176" s="110"/>
      <c r="B176" s="110"/>
      <c r="C176" s="110"/>
      <c r="D176" s="110"/>
      <c r="E176" s="110"/>
      <c r="F176" s="110"/>
      <c r="G176" s="110"/>
      <c r="H176" s="110"/>
      <c r="I176" s="110"/>
      <c r="J176" s="110"/>
      <c r="K176" s="110"/>
      <c r="L176" s="110"/>
      <c r="M176" s="110"/>
      <c r="N176" s="110"/>
      <c r="O176" s="110"/>
      <c r="P176" s="110"/>
      <c r="Q176" s="110"/>
      <c r="R176" s="110"/>
      <c r="S176" s="110"/>
      <c r="T176" s="110"/>
      <c r="U176" s="110"/>
      <c r="V176" s="110"/>
      <c r="W176" s="110"/>
      <c r="X176" s="110"/>
      <c r="Y176" s="110"/>
      <c r="Z176" s="110"/>
      <c r="AA176" s="110"/>
      <c r="AB176" s="110"/>
      <c r="AC176" s="110"/>
      <c r="AD176" s="110"/>
      <c r="AE176" s="110"/>
      <c r="AF176" s="110"/>
      <c r="AG176" s="110"/>
      <c r="AH176" s="110"/>
      <c r="AI176" s="110"/>
      <c r="AJ176" s="110"/>
      <c r="AK176" s="110"/>
      <c r="AL176" s="110"/>
      <c r="AM176" s="110"/>
    </row>
    <row r="177" spans="1:39" ht="9.75" customHeight="1">
      <c r="A177" s="110"/>
      <c r="B177" s="110"/>
      <c r="C177" s="110"/>
      <c r="D177" s="110"/>
      <c r="E177" s="110"/>
      <c r="F177" s="110"/>
      <c r="G177" s="110"/>
      <c r="H177" s="110"/>
      <c r="I177" s="110"/>
      <c r="J177" s="110"/>
      <c r="K177" s="110"/>
      <c r="L177" s="110"/>
      <c r="M177" s="110"/>
      <c r="N177" s="110"/>
      <c r="O177" s="110"/>
      <c r="P177" s="110"/>
      <c r="Q177" s="110"/>
      <c r="R177" s="110"/>
      <c r="S177" s="110"/>
      <c r="T177" s="110"/>
      <c r="U177" s="110"/>
      <c r="V177" s="110"/>
      <c r="W177" s="110"/>
      <c r="X177" s="110"/>
      <c r="Y177" s="110"/>
      <c r="Z177" s="110"/>
      <c r="AA177" s="110"/>
      <c r="AB177" s="110"/>
      <c r="AC177" s="110"/>
      <c r="AD177" s="110"/>
      <c r="AE177" s="110"/>
      <c r="AF177" s="110"/>
      <c r="AG177" s="110"/>
      <c r="AH177" s="110"/>
      <c r="AI177" s="110"/>
      <c r="AJ177" s="110"/>
      <c r="AK177" s="110"/>
      <c r="AL177" s="110"/>
      <c r="AM177" s="110"/>
    </row>
    <row r="178" spans="1:39" ht="9.75" customHeight="1">
      <c r="A178" s="110"/>
      <c r="B178" s="110"/>
      <c r="C178" s="110"/>
      <c r="D178" s="110"/>
      <c r="E178" s="110"/>
      <c r="F178" s="110"/>
      <c r="G178" s="110"/>
      <c r="H178" s="110"/>
      <c r="I178" s="110"/>
      <c r="J178" s="110"/>
      <c r="K178" s="110"/>
      <c r="L178" s="110"/>
      <c r="M178" s="110"/>
      <c r="N178" s="110"/>
      <c r="O178" s="110"/>
      <c r="P178" s="110"/>
      <c r="Q178" s="110"/>
      <c r="R178" s="110"/>
      <c r="S178" s="110"/>
      <c r="T178" s="110"/>
      <c r="U178" s="110"/>
      <c r="V178" s="110"/>
      <c r="W178" s="110"/>
      <c r="X178" s="110"/>
      <c r="Y178" s="110"/>
      <c r="Z178" s="110"/>
      <c r="AA178" s="110"/>
      <c r="AB178" s="110"/>
      <c r="AC178" s="110"/>
      <c r="AD178" s="110"/>
      <c r="AE178" s="110"/>
      <c r="AF178" s="110"/>
      <c r="AG178" s="110"/>
      <c r="AH178" s="110"/>
      <c r="AI178" s="110"/>
      <c r="AJ178" s="110"/>
      <c r="AK178" s="110"/>
      <c r="AL178" s="110"/>
      <c r="AM178" s="110"/>
    </row>
    <row r="1267" spans="6:6" ht="9.75" customHeight="1">
      <c r="F1267" s="115"/>
    </row>
  </sheetData>
  <mergeCells count="111">
    <mergeCell ref="X5:AM9"/>
    <mergeCell ref="G6:H9"/>
    <mergeCell ref="I6:J9"/>
    <mergeCell ref="K6:K9"/>
    <mergeCell ref="L6:L9"/>
    <mergeCell ref="N6:Q6"/>
    <mergeCell ref="N7:O9"/>
    <mergeCell ref="P7:Q9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N20:N22"/>
    <mergeCell ref="O20:O22"/>
    <mergeCell ref="E23:E25"/>
    <mergeCell ref="F23:F25"/>
    <mergeCell ref="N26:N28"/>
    <mergeCell ref="O26:O28"/>
    <mergeCell ref="A11:A13"/>
    <mergeCell ref="B11:B13"/>
    <mergeCell ref="C14:C16"/>
    <mergeCell ref="D14:D16"/>
    <mergeCell ref="E17:E19"/>
    <mergeCell ref="F17:F19"/>
    <mergeCell ref="C38:C40"/>
    <mergeCell ref="D38:D40"/>
    <mergeCell ref="E41:E43"/>
    <mergeCell ref="F41:F43"/>
    <mergeCell ref="N44:N46"/>
    <mergeCell ref="O44:O46"/>
    <mergeCell ref="C29:C31"/>
    <mergeCell ref="D29:D31"/>
    <mergeCell ref="E32:E34"/>
    <mergeCell ref="F32:F34"/>
    <mergeCell ref="N35:N37"/>
    <mergeCell ref="O35:O37"/>
    <mergeCell ref="N56:N58"/>
    <mergeCell ref="O56:O58"/>
    <mergeCell ref="C59:C61"/>
    <mergeCell ref="D59:D61"/>
    <mergeCell ref="E62:E64"/>
    <mergeCell ref="F62:F64"/>
    <mergeCell ref="C47:C49"/>
    <mergeCell ref="D47:D49"/>
    <mergeCell ref="E50:E52"/>
    <mergeCell ref="F50:F52"/>
    <mergeCell ref="N53:N55"/>
    <mergeCell ref="O53:O55"/>
    <mergeCell ref="N74:N76"/>
    <mergeCell ref="O74:O76"/>
    <mergeCell ref="C77:C79"/>
    <mergeCell ref="D77:D79"/>
    <mergeCell ref="E80:E82"/>
    <mergeCell ref="F80:F82"/>
    <mergeCell ref="N65:N67"/>
    <mergeCell ref="O65:O67"/>
    <mergeCell ref="N68:N70"/>
    <mergeCell ref="O68:O70"/>
    <mergeCell ref="E71:E73"/>
    <mergeCell ref="F71:F73"/>
    <mergeCell ref="E83:E85"/>
    <mergeCell ref="F83:F85"/>
    <mergeCell ref="A90:L90"/>
    <mergeCell ref="N90:AM90"/>
    <mergeCell ref="A93:B97"/>
    <mergeCell ref="C93:D97"/>
    <mergeCell ref="E93:F97"/>
    <mergeCell ref="G93:Q93"/>
    <mergeCell ref="R93:R97"/>
    <mergeCell ref="S93:T97"/>
    <mergeCell ref="C99:C101"/>
    <mergeCell ref="D99:D101"/>
    <mergeCell ref="E102:E104"/>
    <mergeCell ref="F102:F104"/>
    <mergeCell ref="C105:C107"/>
    <mergeCell ref="D105:D107"/>
    <mergeCell ref="U93:U97"/>
    <mergeCell ref="V93:W97"/>
    <mergeCell ref="X93:AM97"/>
    <mergeCell ref="G94:H97"/>
    <mergeCell ref="I94:J97"/>
    <mergeCell ref="K94:K97"/>
    <mergeCell ref="L94:L97"/>
    <mergeCell ref="N94:Q94"/>
    <mergeCell ref="N95:O97"/>
    <mergeCell ref="P95:Q97"/>
    <mergeCell ref="N120:N122"/>
    <mergeCell ref="O120:O122"/>
    <mergeCell ref="E123:E125"/>
    <mergeCell ref="F123:F125"/>
    <mergeCell ref="E108:E110"/>
    <mergeCell ref="F108:F110"/>
    <mergeCell ref="E111:E113"/>
    <mergeCell ref="F111:F113"/>
    <mergeCell ref="N114:N116"/>
    <mergeCell ref="O114:O116"/>
    <mergeCell ref="A137:F137"/>
    <mergeCell ref="E126:E128"/>
    <mergeCell ref="F126:F128"/>
    <mergeCell ref="C129:C131"/>
    <mergeCell ref="D129:D131"/>
    <mergeCell ref="E132:E134"/>
    <mergeCell ref="F132:F134"/>
    <mergeCell ref="E117:E119"/>
    <mergeCell ref="F117:F119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rowBreaks count="1" manualBreakCount="1">
    <brk id="88" max="16383" man="1"/>
  </rowBreaks>
  <colBreaks count="1" manualBreakCount="1">
    <brk id="12" max="172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176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177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233" t="s">
        <v>178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132</v>
      </c>
      <c r="I12" s="35" t="s">
        <v>133</v>
      </c>
      <c r="J12" s="36" t="s">
        <v>134</v>
      </c>
      <c r="K12" s="37" t="s">
        <v>30</v>
      </c>
      <c r="L12" s="37" t="s">
        <v>135</v>
      </c>
      <c r="M12" s="38"/>
      <c r="N12" s="38"/>
      <c r="O12" s="39"/>
      <c r="P12" s="35"/>
      <c r="Q12" s="36"/>
      <c r="R12" s="35" t="s">
        <v>136</v>
      </c>
      <c r="S12" s="40"/>
      <c r="T12" s="41" t="s">
        <v>136</v>
      </c>
      <c r="U12" s="36" t="s">
        <v>30</v>
      </c>
      <c r="V12" s="35"/>
      <c r="W12" s="36" t="s">
        <v>3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78" t="s">
        <v>179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180</v>
      </c>
      <c r="I15" s="33" t="s">
        <v>133</v>
      </c>
      <c r="J15" s="59" t="s">
        <v>170</v>
      </c>
      <c r="K15" s="60" t="s">
        <v>30</v>
      </c>
      <c r="L15" s="60" t="s">
        <v>181</v>
      </c>
      <c r="M15" s="61"/>
      <c r="N15" s="61"/>
      <c r="O15" s="34"/>
      <c r="P15" s="33"/>
      <c r="Q15" s="59"/>
      <c r="R15" s="33" t="s">
        <v>182</v>
      </c>
      <c r="S15" s="62"/>
      <c r="T15" s="63" t="s">
        <v>182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183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180</v>
      </c>
      <c r="I18" s="33" t="s">
        <v>133</v>
      </c>
      <c r="J18" s="59" t="s">
        <v>170</v>
      </c>
      <c r="K18" s="60" t="s">
        <v>30</v>
      </c>
      <c r="L18" s="60" t="s">
        <v>181</v>
      </c>
      <c r="M18" s="61"/>
      <c r="N18" s="61"/>
      <c r="O18" s="34"/>
      <c r="P18" s="33"/>
      <c r="Q18" s="59"/>
      <c r="R18" s="33" t="s">
        <v>182</v>
      </c>
      <c r="S18" s="62"/>
      <c r="T18" s="63" t="s">
        <v>182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78" t="s">
        <v>184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181</v>
      </c>
      <c r="R21" s="33" t="s">
        <v>182</v>
      </c>
      <c r="S21" s="62"/>
      <c r="T21" s="63" t="s">
        <v>182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80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47"/>
      <c r="B23" s="75"/>
      <c r="C23" s="175" t="s">
        <v>36</v>
      </c>
      <c r="D23" s="178" t="s">
        <v>37</v>
      </c>
      <c r="E23" s="48"/>
      <c r="F23" s="49"/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176"/>
      <c r="D24" s="179"/>
      <c r="E24" s="33"/>
      <c r="F24" s="34"/>
      <c r="G24" s="33"/>
      <c r="H24" s="59" t="s">
        <v>185</v>
      </c>
      <c r="I24" s="33" t="s">
        <v>133</v>
      </c>
      <c r="J24" s="59" t="s">
        <v>186</v>
      </c>
      <c r="K24" s="60" t="s">
        <v>30</v>
      </c>
      <c r="L24" s="60" t="s">
        <v>187</v>
      </c>
      <c r="M24" s="61"/>
      <c r="N24" s="61"/>
      <c r="O24" s="58"/>
      <c r="P24" s="33"/>
      <c r="Q24" s="59"/>
      <c r="R24" s="33" t="s">
        <v>188</v>
      </c>
      <c r="S24" s="62"/>
      <c r="T24" s="63" t="s">
        <v>188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176"/>
      <c r="D25" s="179"/>
      <c r="E25" s="33"/>
      <c r="F25" s="34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175" t="s">
        <v>21</v>
      </c>
      <c r="F26" s="188" t="s">
        <v>41</v>
      </c>
      <c r="G26" s="48"/>
      <c r="H26" s="50"/>
      <c r="I26" s="48"/>
      <c r="J26" s="50"/>
      <c r="K26" s="51"/>
      <c r="L26" s="51"/>
      <c r="M26" s="52"/>
      <c r="N26" s="52"/>
      <c r="O26" s="49"/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176"/>
      <c r="F27" s="179"/>
      <c r="G27" s="33"/>
      <c r="H27" s="59" t="s">
        <v>189</v>
      </c>
      <c r="I27" s="33" t="s">
        <v>133</v>
      </c>
      <c r="J27" s="59" t="s">
        <v>190</v>
      </c>
      <c r="K27" s="60" t="s">
        <v>30</v>
      </c>
      <c r="L27" s="60" t="s">
        <v>191</v>
      </c>
      <c r="M27" s="61"/>
      <c r="N27" s="61"/>
      <c r="O27" s="34"/>
      <c r="P27" s="33"/>
      <c r="Q27" s="59"/>
      <c r="R27" s="33" t="s">
        <v>192</v>
      </c>
      <c r="S27" s="62"/>
      <c r="T27" s="63" t="s">
        <v>192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33"/>
      <c r="D28" s="34"/>
      <c r="E28" s="177"/>
      <c r="F28" s="180"/>
      <c r="G28" s="33"/>
      <c r="H28" s="59"/>
      <c r="I28" s="33"/>
      <c r="J28" s="59"/>
      <c r="K28" s="60"/>
      <c r="L28" s="60"/>
      <c r="M28" s="61"/>
      <c r="N28" s="61"/>
      <c r="O28" s="34"/>
      <c r="P28" s="33"/>
      <c r="Q28" s="59"/>
      <c r="R28" s="33"/>
      <c r="S28" s="62"/>
      <c r="T28" s="63"/>
      <c r="U28" s="59"/>
      <c r="V28" s="33"/>
      <c r="W28" s="59"/>
      <c r="X28" s="27"/>
      <c r="Y28" s="27"/>
      <c r="Z28" s="27"/>
      <c r="AA28" s="27"/>
      <c r="AB28" s="28"/>
      <c r="AC28" s="28"/>
      <c r="AD28" s="28"/>
      <c r="AE28" s="28"/>
      <c r="AF28" s="28"/>
      <c r="AG28" s="28"/>
      <c r="AH28" s="28"/>
      <c r="AI28" s="28"/>
      <c r="AJ28" s="28"/>
      <c r="AK28" s="29"/>
      <c r="AL28" s="29"/>
      <c r="AM28" s="30"/>
    </row>
    <row r="29" spans="1:39" s="46" customFormat="1" ht="9.75" customHeight="1">
      <c r="A29" s="47"/>
      <c r="B29" s="75"/>
      <c r="C29" s="33"/>
      <c r="D29" s="34"/>
      <c r="E29" s="175" t="s">
        <v>36</v>
      </c>
      <c r="F29" s="188" t="s">
        <v>193</v>
      </c>
      <c r="G29" s="48"/>
      <c r="H29" s="50"/>
      <c r="I29" s="48"/>
      <c r="J29" s="50"/>
      <c r="K29" s="51"/>
      <c r="L29" s="51"/>
      <c r="M29" s="52"/>
      <c r="N29" s="52"/>
      <c r="O29" s="76"/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47"/>
      <c r="B30" s="75"/>
      <c r="C30" s="33"/>
      <c r="D30" s="34"/>
      <c r="E30" s="176"/>
      <c r="F30" s="179"/>
      <c r="G30" s="33"/>
      <c r="H30" s="59" t="s">
        <v>194</v>
      </c>
      <c r="I30" s="33" t="s">
        <v>133</v>
      </c>
      <c r="J30" s="59" t="s">
        <v>195</v>
      </c>
      <c r="K30" s="60" t="s">
        <v>30</v>
      </c>
      <c r="L30" s="60" t="s">
        <v>196</v>
      </c>
      <c r="M30" s="61"/>
      <c r="N30" s="61"/>
      <c r="O30" s="58"/>
      <c r="P30" s="33"/>
      <c r="Q30" s="59"/>
      <c r="R30" s="33" t="s">
        <v>197</v>
      </c>
      <c r="S30" s="62"/>
      <c r="T30" s="63" t="s">
        <v>197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47"/>
      <c r="B31" s="75"/>
      <c r="C31" s="33"/>
      <c r="D31" s="34"/>
      <c r="E31" s="176"/>
      <c r="F31" s="179"/>
      <c r="G31" s="33"/>
      <c r="H31" s="59"/>
      <c r="I31" s="33"/>
      <c r="J31" s="59"/>
      <c r="K31" s="60"/>
      <c r="L31" s="60"/>
      <c r="M31" s="61"/>
      <c r="N31" s="61"/>
      <c r="O31" s="58"/>
      <c r="P31" s="33"/>
      <c r="Q31" s="59"/>
      <c r="R31" s="33"/>
      <c r="S31" s="62"/>
      <c r="T31" s="63"/>
      <c r="U31" s="59"/>
      <c r="V31" s="33"/>
      <c r="W31" s="59"/>
      <c r="X31" s="27"/>
      <c r="Y31" s="27"/>
      <c r="Z31" s="27"/>
      <c r="AA31" s="27"/>
      <c r="AB31" s="28"/>
      <c r="AC31" s="28"/>
      <c r="AD31" s="28"/>
      <c r="AE31" s="28"/>
      <c r="AF31" s="28"/>
      <c r="AG31" s="28"/>
      <c r="AH31" s="28"/>
      <c r="AI31" s="28"/>
      <c r="AJ31" s="28"/>
      <c r="AK31" s="29"/>
      <c r="AL31" s="29"/>
      <c r="AM31" s="30"/>
    </row>
    <row r="32" spans="1:39" s="46" customFormat="1" ht="9.75" customHeight="1">
      <c r="A32" s="47"/>
      <c r="B32" s="39"/>
      <c r="C32" s="33"/>
      <c r="D32" s="34"/>
      <c r="E32" s="33"/>
      <c r="F32" s="34"/>
      <c r="G32" s="33"/>
      <c r="H32" s="59"/>
      <c r="I32" s="33"/>
      <c r="J32" s="59"/>
      <c r="K32" s="60"/>
      <c r="L32" s="60"/>
      <c r="M32" s="61"/>
      <c r="N32" s="185" t="s">
        <v>21</v>
      </c>
      <c r="O32" s="189" t="s">
        <v>198</v>
      </c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57"/>
      <c r="B33" s="58"/>
      <c r="C33" s="33"/>
      <c r="D33" s="34"/>
      <c r="E33" s="33"/>
      <c r="F33" s="34"/>
      <c r="G33" s="33"/>
      <c r="H33" s="59"/>
      <c r="I33" s="33"/>
      <c r="J33" s="59"/>
      <c r="K33" s="60"/>
      <c r="L33" s="60"/>
      <c r="M33" s="61"/>
      <c r="N33" s="186"/>
      <c r="O33" s="190"/>
      <c r="P33" s="33"/>
      <c r="Q33" s="59" t="s">
        <v>119</v>
      </c>
      <c r="R33" s="33" t="s">
        <v>120</v>
      </c>
      <c r="S33" s="62"/>
      <c r="T33" s="63" t="s">
        <v>120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57"/>
      <c r="B34" s="58"/>
      <c r="C34" s="33"/>
      <c r="D34" s="34"/>
      <c r="E34" s="33"/>
      <c r="F34" s="34"/>
      <c r="G34" s="33"/>
      <c r="H34" s="59"/>
      <c r="I34" s="33"/>
      <c r="J34" s="59"/>
      <c r="K34" s="60"/>
      <c r="L34" s="60"/>
      <c r="M34" s="61"/>
      <c r="N34" s="187"/>
      <c r="O34" s="191"/>
      <c r="P34" s="33"/>
      <c r="Q34" s="59"/>
      <c r="R34" s="33"/>
      <c r="S34" s="62"/>
      <c r="T34" s="63"/>
      <c r="U34" s="59"/>
      <c r="V34" s="33"/>
      <c r="W34" s="59"/>
      <c r="X34" s="27"/>
      <c r="Y34" s="27"/>
      <c r="Z34" s="27"/>
      <c r="AA34" s="27"/>
      <c r="AB34" s="28"/>
      <c r="AC34" s="28"/>
      <c r="AD34" s="28"/>
      <c r="AE34" s="28"/>
      <c r="AF34" s="28"/>
      <c r="AG34" s="28"/>
      <c r="AH34" s="28"/>
      <c r="AI34" s="28"/>
      <c r="AJ34" s="28"/>
      <c r="AK34" s="29"/>
      <c r="AL34" s="29"/>
      <c r="AM34" s="30"/>
    </row>
    <row r="35" spans="1:39" s="46" customFormat="1" ht="9.75" customHeight="1">
      <c r="A35" s="57"/>
      <c r="B35" s="58"/>
      <c r="C35" s="33"/>
      <c r="D35" s="58"/>
      <c r="E35" s="33"/>
      <c r="F35" s="34"/>
      <c r="G35" s="33"/>
      <c r="H35" s="59"/>
      <c r="I35" s="33"/>
      <c r="J35" s="59"/>
      <c r="K35" s="60"/>
      <c r="L35" s="60"/>
      <c r="M35" s="61"/>
      <c r="N35" s="185" t="s">
        <v>36</v>
      </c>
      <c r="O35" s="254" t="s">
        <v>199</v>
      </c>
      <c r="P35" s="48"/>
      <c r="Q35" s="50"/>
      <c r="R35" s="48"/>
      <c r="S35" s="53"/>
      <c r="T35" s="54"/>
      <c r="U35" s="50"/>
      <c r="V35" s="48"/>
      <c r="W35" s="50"/>
      <c r="X35" s="55" t="s">
        <v>3</v>
      </c>
      <c r="Y35" s="55"/>
      <c r="Z35" s="55"/>
      <c r="AA35" s="55"/>
      <c r="AB35" s="56"/>
      <c r="AC35" s="56"/>
      <c r="AD35" s="56"/>
      <c r="AE35" s="56"/>
      <c r="AF35" s="56"/>
      <c r="AG35" s="56"/>
      <c r="AH35" s="56"/>
      <c r="AI35" s="56"/>
      <c r="AJ35" s="56"/>
      <c r="AK35" s="19"/>
      <c r="AL35" s="19"/>
      <c r="AM35" s="26"/>
    </row>
    <row r="36" spans="1:39" s="46" customFormat="1" ht="9.75" customHeight="1">
      <c r="A36" s="57"/>
      <c r="B36" s="58"/>
      <c r="C36" s="33"/>
      <c r="D36" s="58"/>
      <c r="E36" s="33"/>
      <c r="F36" s="34"/>
      <c r="G36" s="33"/>
      <c r="H36" s="59"/>
      <c r="I36" s="33"/>
      <c r="J36" s="59"/>
      <c r="K36" s="60"/>
      <c r="L36" s="60"/>
      <c r="M36" s="61"/>
      <c r="N36" s="186"/>
      <c r="O36" s="255"/>
      <c r="P36" s="33"/>
      <c r="Q36" s="59" t="s">
        <v>200</v>
      </c>
      <c r="R36" s="33" t="s">
        <v>201</v>
      </c>
      <c r="S36" s="62"/>
      <c r="T36" s="63" t="s">
        <v>201</v>
      </c>
      <c r="U36" s="59" t="s">
        <v>30</v>
      </c>
      <c r="V36" s="33"/>
      <c r="W36" s="59" t="s">
        <v>30</v>
      </c>
      <c r="X36" s="27"/>
      <c r="Y36" s="27"/>
      <c r="Z36" s="27"/>
      <c r="AA36" s="27"/>
      <c r="AB36" s="28"/>
      <c r="AC36" s="28"/>
      <c r="AD36" s="28"/>
      <c r="AE36" s="28"/>
      <c r="AF36" s="28"/>
      <c r="AG36" s="28"/>
      <c r="AH36" s="28"/>
      <c r="AI36" s="28"/>
      <c r="AJ36" s="28"/>
      <c r="AK36" s="29"/>
      <c r="AL36" s="29"/>
      <c r="AM36" s="30"/>
    </row>
    <row r="37" spans="1:39" s="46" customFormat="1" ht="9.75" customHeight="1">
      <c r="A37" s="57"/>
      <c r="B37" s="58"/>
      <c r="C37" s="33"/>
      <c r="D37" s="58"/>
      <c r="E37" s="33"/>
      <c r="F37" s="34"/>
      <c r="G37" s="33"/>
      <c r="H37" s="59"/>
      <c r="I37" s="33"/>
      <c r="J37" s="59"/>
      <c r="K37" s="60"/>
      <c r="L37" s="60"/>
      <c r="M37" s="61"/>
      <c r="N37" s="187"/>
      <c r="O37" s="256"/>
      <c r="P37" s="33"/>
      <c r="Q37" s="59"/>
      <c r="R37" s="33"/>
      <c r="S37" s="62"/>
      <c r="T37" s="63"/>
      <c r="U37" s="59"/>
      <c r="V37" s="33"/>
      <c r="W37" s="59"/>
      <c r="X37" s="27"/>
      <c r="Y37" s="27"/>
      <c r="Z37" s="27"/>
      <c r="AA37" s="27"/>
      <c r="AB37" s="28"/>
      <c r="AC37" s="28"/>
      <c r="AD37" s="28"/>
      <c r="AE37" s="28"/>
      <c r="AF37" s="28"/>
      <c r="AG37" s="28"/>
      <c r="AH37" s="28"/>
      <c r="AI37" s="28"/>
      <c r="AJ37" s="28"/>
      <c r="AK37" s="29"/>
      <c r="AL37" s="29"/>
      <c r="AM37" s="30"/>
    </row>
    <row r="38" spans="1:39" s="46" customFormat="1" ht="9.75" customHeight="1">
      <c r="A38" s="57"/>
      <c r="B38" s="58"/>
      <c r="C38" s="33"/>
      <c r="D38" s="58"/>
      <c r="E38" s="33"/>
      <c r="F38" s="58"/>
      <c r="G38" s="33"/>
      <c r="H38" s="59"/>
      <c r="I38" s="33"/>
      <c r="J38" s="59"/>
      <c r="K38" s="60"/>
      <c r="L38" s="60"/>
      <c r="M38" s="61"/>
      <c r="N38" s="185" t="s">
        <v>52</v>
      </c>
      <c r="O38" s="188" t="s">
        <v>202</v>
      </c>
      <c r="P38" s="48"/>
      <c r="Q38" s="50"/>
      <c r="R38" s="48"/>
      <c r="S38" s="53"/>
      <c r="T38" s="54"/>
      <c r="U38" s="50"/>
      <c r="V38" s="48"/>
      <c r="W38" s="50"/>
      <c r="X38" s="55" t="s">
        <v>3</v>
      </c>
      <c r="Y38" s="55"/>
      <c r="Z38" s="55"/>
      <c r="AA38" s="55"/>
      <c r="AB38" s="56"/>
      <c r="AC38" s="56"/>
      <c r="AD38" s="56"/>
      <c r="AE38" s="56"/>
      <c r="AF38" s="56"/>
      <c r="AG38" s="56"/>
      <c r="AH38" s="56"/>
      <c r="AI38" s="56"/>
      <c r="AJ38" s="56"/>
      <c r="AK38" s="19"/>
      <c r="AL38" s="19"/>
      <c r="AM38" s="26"/>
    </row>
    <row r="39" spans="1:39" s="46" customFormat="1" ht="9.75" customHeight="1">
      <c r="A39" s="57"/>
      <c r="B39" s="58"/>
      <c r="C39" s="33"/>
      <c r="D39" s="58"/>
      <c r="E39" s="33"/>
      <c r="F39" s="58"/>
      <c r="G39" s="33"/>
      <c r="H39" s="59"/>
      <c r="I39" s="33"/>
      <c r="J39" s="59"/>
      <c r="K39" s="60"/>
      <c r="L39" s="60"/>
      <c r="M39" s="61"/>
      <c r="N39" s="186"/>
      <c r="O39" s="179"/>
      <c r="P39" s="33"/>
      <c r="Q39" s="59" t="s">
        <v>203</v>
      </c>
      <c r="R39" s="33" t="s">
        <v>204</v>
      </c>
      <c r="S39" s="62"/>
      <c r="T39" s="63" t="s">
        <v>204</v>
      </c>
      <c r="U39" s="59" t="s">
        <v>30</v>
      </c>
      <c r="V39" s="33"/>
      <c r="W39" s="59" t="s">
        <v>30</v>
      </c>
      <c r="X39" s="27"/>
      <c r="Y39" s="27"/>
      <c r="Z39" s="27"/>
      <c r="AA39" s="27"/>
      <c r="AB39" s="28"/>
      <c r="AC39" s="28"/>
      <c r="AD39" s="28"/>
      <c r="AE39" s="28"/>
      <c r="AF39" s="28"/>
      <c r="AG39" s="28"/>
      <c r="AH39" s="28"/>
      <c r="AI39" s="28"/>
      <c r="AJ39" s="28"/>
      <c r="AK39" s="29"/>
      <c r="AL39" s="29"/>
      <c r="AM39" s="30"/>
    </row>
    <row r="40" spans="1:39" s="46" customFormat="1" ht="9.75" customHeight="1">
      <c r="A40" s="57"/>
      <c r="B40" s="58"/>
      <c r="C40" s="33"/>
      <c r="D40" s="58"/>
      <c r="E40" s="33"/>
      <c r="F40" s="58"/>
      <c r="G40" s="33"/>
      <c r="H40" s="59"/>
      <c r="I40" s="33"/>
      <c r="J40" s="59"/>
      <c r="K40" s="60"/>
      <c r="L40" s="60"/>
      <c r="M40" s="61"/>
      <c r="N40" s="187"/>
      <c r="O40" s="180"/>
      <c r="P40" s="33"/>
      <c r="Q40" s="59"/>
      <c r="R40" s="33"/>
      <c r="S40" s="62"/>
      <c r="T40" s="63"/>
      <c r="U40" s="59"/>
      <c r="V40" s="33"/>
      <c r="W40" s="59"/>
      <c r="X40" s="27"/>
      <c r="Y40" s="27"/>
      <c r="Z40" s="27"/>
      <c r="AA40" s="27"/>
      <c r="AB40" s="28"/>
      <c r="AC40" s="28"/>
      <c r="AD40" s="28"/>
      <c r="AE40" s="28"/>
      <c r="AF40" s="28"/>
      <c r="AG40" s="28"/>
      <c r="AH40" s="28"/>
      <c r="AI40" s="28"/>
      <c r="AJ40" s="28"/>
      <c r="AK40" s="29"/>
      <c r="AL40" s="29"/>
      <c r="AM40" s="30"/>
    </row>
    <row r="41" spans="1:39" s="46" customFormat="1" ht="9.75" customHeight="1">
      <c r="A41" s="47"/>
      <c r="B41" s="75"/>
      <c r="C41" s="33"/>
      <c r="D41" s="34"/>
      <c r="E41" s="175" t="s">
        <v>52</v>
      </c>
      <c r="F41" s="178" t="s">
        <v>205</v>
      </c>
      <c r="G41" s="48"/>
      <c r="H41" s="50"/>
      <c r="I41" s="48"/>
      <c r="J41" s="50"/>
      <c r="K41" s="51"/>
      <c r="L41" s="51"/>
      <c r="M41" s="52"/>
      <c r="N41" s="52"/>
      <c r="O41" s="76"/>
      <c r="P41" s="48"/>
      <c r="Q41" s="50"/>
      <c r="R41" s="48"/>
      <c r="S41" s="53"/>
      <c r="T41" s="54"/>
      <c r="U41" s="50"/>
      <c r="V41" s="48"/>
      <c r="W41" s="50"/>
      <c r="X41" s="55" t="s">
        <v>3</v>
      </c>
      <c r="Y41" s="55"/>
      <c r="Z41" s="55"/>
      <c r="AA41" s="55"/>
      <c r="AB41" s="56"/>
      <c r="AC41" s="56"/>
      <c r="AD41" s="56"/>
      <c r="AE41" s="56"/>
      <c r="AF41" s="56"/>
      <c r="AG41" s="56"/>
      <c r="AH41" s="56"/>
      <c r="AI41" s="56"/>
      <c r="AJ41" s="56"/>
      <c r="AK41" s="19"/>
      <c r="AL41" s="19"/>
      <c r="AM41" s="26"/>
    </row>
    <row r="42" spans="1:39" s="46" customFormat="1" ht="9.75" customHeight="1">
      <c r="A42" s="47"/>
      <c r="B42" s="75"/>
      <c r="C42" s="33"/>
      <c r="D42" s="34"/>
      <c r="E42" s="176"/>
      <c r="F42" s="179"/>
      <c r="G42" s="33"/>
      <c r="H42" s="59" t="s">
        <v>206</v>
      </c>
      <c r="I42" s="33" t="s">
        <v>133</v>
      </c>
      <c r="J42" s="59" t="s">
        <v>170</v>
      </c>
      <c r="K42" s="60" t="s">
        <v>30</v>
      </c>
      <c r="L42" s="60" t="s">
        <v>207</v>
      </c>
      <c r="M42" s="61"/>
      <c r="N42" s="61"/>
      <c r="O42" s="58"/>
      <c r="P42" s="33"/>
      <c r="Q42" s="59"/>
      <c r="R42" s="33" t="s">
        <v>208</v>
      </c>
      <c r="S42" s="62"/>
      <c r="T42" s="63" t="s">
        <v>208</v>
      </c>
      <c r="U42" s="59" t="s">
        <v>30</v>
      </c>
      <c r="V42" s="33"/>
      <c r="W42" s="59" t="s">
        <v>30</v>
      </c>
      <c r="X42" s="27"/>
      <c r="Y42" s="27"/>
      <c r="Z42" s="27"/>
      <c r="AA42" s="27"/>
      <c r="AB42" s="28"/>
      <c r="AC42" s="28"/>
      <c r="AD42" s="28"/>
      <c r="AE42" s="28"/>
      <c r="AF42" s="28"/>
      <c r="AG42" s="28"/>
      <c r="AH42" s="28"/>
      <c r="AI42" s="28"/>
      <c r="AJ42" s="28"/>
      <c r="AK42" s="29"/>
      <c r="AL42" s="29"/>
      <c r="AM42" s="30"/>
    </row>
    <row r="43" spans="1:39" s="46" customFormat="1" ht="9.75" customHeight="1">
      <c r="A43" s="47"/>
      <c r="B43" s="75"/>
      <c r="C43" s="33"/>
      <c r="D43" s="34"/>
      <c r="E43" s="176"/>
      <c r="F43" s="179"/>
      <c r="G43" s="33"/>
      <c r="H43" s="59"/>
      <c r="I43" s="33"/>
      <c r="J43" s="59"/>
      <c r="K43" s="60"/>
      <c r="L43" s="60"/>
      <c r="M43" s="61"/>
      <c r="N43" s="61"/>
      <c r="O43" s="58"/>
      <c r="P43" s="33"/>
      <c r="Q43" s="59"/>
      <c r="R43" s="33"/>
      <c r="S43" s="62"/>
      <c r="T43" s="63"/>
      <c r="U43" s="59"/>
      <c r="V43" s="33"/>
      <c r="W43" s="59"/>
      <c r="X43" s="27"/>
      <c r="Y43" s="27"/>
      <c r="Z43" s="27"/>
      <c r="AA43" s="27"/>
      <c r="AB43" s="28"/>
      <c r="AC43" s="28"/>
      <c r="AD43" s="28"/>
      <c r="AE43" s="28"/>
      <c r="AF43" s="28"/>
      <c r="AG43" s="28"/>
      <c r="AH43" s="28"/>
      <c r="AI43" s="28"/>
      <c r="AJ43" s="28"/>
      <c r="AK43" s="29"/>
      <c r="AL43" s="29"/>
      <c r="AM43" s="30"/>
    </row>
    <row r="44" spans="1:39" s="46" customFormat="1" ht="9.75" customHeight="1">
      <c r="A44" s="47"/>
      <c r="B44" s="39"/>
      <c r="C44" s="33"/>
      <c r="D44" s="34"/>
      <c r="E44" s="33"/>
      <c r="F44" s="34"/>
      <c r="G44" s="33"/>
      <c r="H44" s="59"/>
      <c r="I44" s="33"/>
      <c r="J44" s="59"/>
      <c r="K44" s="60"/>
      <c r="L44" s="60"/>
      <c r="M44" s="61"/>
      <c r="N44" s="185" t="s">
        <v>21</v>
      </c>
      <c r="O44" s="188" t="s">
        <v>209</v>
      </c>
      <c r="P44" s="48"/>
      <c r="Q44" s="50"/>
      <c r="R44" s="48"/>
      <c r="S44" s="53"/>
      <c r="T44" s="54"/>
      <c r="U44" s="50"/>
      <c r="V44" s="48"/>
      <c r="W44" s="50"/>
      <c r="X44" s="55" t="s">
        <v>3</v>
      </c>
      <c r="Y44" s="55"/>
      <c r="Z44" s="55"/>
      <c r="AA44" s="55"/>
      <c r="AB44" s="56"/>
      <c r="AC44" s="56"/>
      <c r="AD44" s="56"/>
      <c r="AE44" s="56"/>
      <c r="AF44" s="56"/>
      <c r="AG44" s="56"/>
      <c r="AH44" s="56"/>
      <c r="AI44" s="56"/>
      <c r="AJ44" s="56"/>
      <c r="AK44" s="19"/>
      <c r="AL44" s="19"/>
      <c r="AM44" s="26"/>
    </row>
    <row r="45" spans="1:39" s="46" customFormat="1" ht="9.75" customHeight="1">
      <c r="A45" s="57"/>
      <c r="B45" s="58"/>
      <c r="C45" s="33"/>
      <c r="D45" s="34"/>
      <c r="E45" s="33"/>
      <c r="F45" s="34"/>
      <c r="G45" s="33"/>
      <c r="H45" s="59"/>
      <c r="I45" s="33"/>
      <c r="J45" s="59"/>
      <c r="K45" s="60"/>
      <c r="L45" s="60"/>
      <c r="M45" s="61"/>
      <c r="N45" s="186"/>
      <c r="O45" s="179"/>
      <c r="P45" s="33"/>
      <c r="Q45" s="59" t="s">
        <v>207</v>
      </c>
      <c r="R45" s="33" t="s">
        <v>208</v>
      </c>
      <c r="S45" s="62"/>
      <c r="T45" s="63" t="s">
        <v>208</v>
      </c>
      <c r="U45" s="59" t="s">
        <v>30</v>
      </c>
      <c r="V45" s="33"/>
      <c r="W45" s="59" t="s">
        <v>30</v>
      </c>
      <c r="X45" s="27"/>
      <c r="Y45" s="27"/>
      <c r="Z45" s="27"/>
      <c r="AA45" s="27"/>
      <c r="AB45" s="28"/>
      <c r="AC45" s="28"/>
      <c r="AD45" s="28"/>
      <c r="AE45" s="28"/>
      <c r="AF45" s="28"/>
      <c r="AG45" s="28"/>
      <c r="AH45" s="28"/>
      <c r="AI45" s="28"/>
      <c r="AJ45" s="28"/>
      <c r="AK45" s="29"/>
      <c r="AL45" s="29"/>
      <c r="AM45" s="30"/>
    </row>
    <row r="46" spans="1:39" s="46" customFormat="1" ht="9.75" customHeight="1">
      <c r="A46" s="57"/>
      <c r="B46" s="58"/>
      <c r="C46" s="64"/>
      <c r="D46" s="77"/>
      <c r="E46" s="64"/>
      <c r="F46" s="77"/>
      <c r="G46" s="64"/>
      <c r="H46" s="66"/>
      <c r="I46" s="64"/>
      <c r="J46" s="66"/>
      <c r="K46" s="67"/>
      <c r="L46" s="67"/>
      <c r="M46" s="68"/>
      <c r="N46" s="187"/>
      <c r="O46" s="180"/>
      <c r="P46" s="64"/>
      <c r="Q46" s="66"/>
      <c r="R46" s="64"/>
      <c r="S46" s="69"/>
      <c r="T46" s="70"/>
      <c r="U46" s="66"/>
      <c r="V46" s="64"/>
      <c r="W46" s="66"/>
      <c r="X46" s="71"/>
      <c r="Y46" s="71"/>
      <c r="Z46" s="71"/>
      <c r="AA46" s="71"/>
      <c r="AB46" s="72"/>
      <c r="AC46" s="72"/>
      <c r="AD46" s="72"/>
      <c r="AE46" s="72"/>
      <c r="AF46" s="72"/>
      <c r="AG46" s="72"/>
      <c r="AH46" s="72"/>
      <c r="AI46" s="72"/>
      <c r="AJ46" s="72"/>
      <c r="AK46" s="73"/>
      <c r="AL46" s="73"/>
      <c r="AM46" s="74"/>
    </row>
    <row r="47" spans="1:39" s="46" customFormat="1" ht="9.75" customHeight="1">
      <c r="A47" s="47"/>
      <c r="B47" s="75"/>
      <c r="C47" s="175" t="s">
        <v>52</v>
      </c>
      <c r="D47" s="178" t="s">
        <v>210</v>
      </c>
      <c r="E47" s="48"/>
      <c r="F47" s="49"/>
      <c r="G47" s="48"/>
      <c r="H47" s="50"/>
      <c r="I47" s="48"/>
      <c r="J47" s="50"/>
      <c r="K47" s="51"/>
      <c r="L47" s="51"/>
      <c r="M47" s="52"/>
      <c r="N47" s="52"/>
      <c r="O47" s="76"/>
      <c r="P47" s="48"/>
      <c r="Q47" s="50"/>
      <c r="R47" s="48"/>
      <c r="S47" s="53"/>
      <c r="T47" s="54"/>
      <c r="U47" s="50"/>
      <c r="V47" s="48"/>
      <c r="W47" s="50"/>
      <c r="X47" s="55" t="s">
        <v>3</v>
      </c>
      <c r="Y47" s="55"/>
      <c r="Z47" s="55"/>
      <c r="AA47" s="55"/>
      <c r="AB47" s="56"/>
      <c r="AC47" s="56"/>
      <c r="AD47" s="56"/>
      <c r="AE47" s="56"/>
      <c r="AF47" s="56"/>
      <c r="AG47" s="56"/>
      <c r="AH47" s="56"/>
      <c r="AI47" s="56"/>
      <c r="AJ47" s="56"/>
      <c r="AK47" s="19"/>
      <c r="AL47" s="19"/>
      <c r="AM47" s="26"/>
    </row>
    <row r="48" spans="1:39" s="46" customFormat="1" ht="9.75" customHeight="1">
      <c r="A48" s="47"/>
      <c r="B48" s="75"/>
      <c r="C48" s="176"/>
      <c r="D48" s="179"/>
      <c r="E48" s="33"/>
      <c r="F48" s="34"/>
      <c r="G48" s="33"/>
      <c r="H48" s="59" t="s">
        <v>211</v>
      </c>
      <c r="I48" s="33"/>
      <c r="J48" s="59" t="s">
        <v>30</v>
      </c>
      <c r="K48" s="60" t="s">
        <v>30</v>
      </c>
      <c r="L48" s="60" t="s">
        <v>211</v>
      </c>
      <c r="M48" s="61"/>
      <c r="N48" s="61"/>
      <c r="O48" s="58"/>
      <c r="P48" s="33"/>
      <c r="Q48" s="59"/>
      <c r="R48" s="33" t="s">
        <v>211</v>
      </c>
      <c r="S48" s="62"/>
      <c r="T48" s="63" t="s">
        <v>211</v>
      </c>
      <c r="U48" s="59" t="s">
        <v>30</v>
      </c>
      <c r="V48" s="33"/>
      <c r="W48" s="59" t="s">
        <v>30</v>
      </c>
      <c r="X48" s="27"/>
      <c r="Y48" s="27"/>
      <c r="Z48" s="27"/>
      <c r="AA48" s="27"/>
      <c r="AB48" s="28"/>
      <c r="AC48" s="28"/>
      <c r="AD48" s="28"/>
      <c r="AE48" s="28"/>
      <c r="AF48" s="28"/>
      <c r="AG48" s="28"/>
      <c r="AH48" s="28"/>
      <c r="AI48" s="28"/>
      <c r="AJ48" s="28"/>
      <c r="AK48" s="29"/>
      <c r="AL48" s="29"/>
      <c r="AM48" s="30"/>
    </row>
    <row r="49" spans="1:39" s="46" customFormat="1" ht="9.75" customHeight="1">
      <c r="A49" s="47"/>
      <c r="B49" s="75"/>
      <c r="C49" s="176"/>
      <c r="D49" s="179"/>
      <c r="E49" s="33"/>
      <c r="F49" s="34"/>
      <c r="G49" s="33"/>
      <c r="H49" s="59"/>
      <c r="I49" s="33"/>
      <c r="J49" s="59"/>
      <c r="K49" s="60"/>
      <c r="L49" s="60"/>
      <c r="M49" s="61"/>
      <c r="N49" s="61"/>
      <c r="O49" s="58"/>
      <c r="P49" s="33"/>
      <c r="Q49" s="59"/>
      <c r="R49" s="33"/>
      <c r="S49" s="62"/>
      <c r="T49" s="63"/>
      <c r="U49" s="59"/>
      <c r="V49" s="33"/>
      <c r="W49" s="59"/>
      <c r="X49" s="27"/>
      <c r="Y49" s="27"/>
      <c r="Z49" s="27"/>
      <c r="AA49" s="27"/>
      <c r="AB49" s="28"/>
      <c r="AC49" s="28"/>
      <c r="AD49" s="28"/>
      <c r="AE49" s="28"/>
      <c r="AF49" s="28"/>
      <c r="AG49" s="28"/>
      <c r="AH49" s="28"/>
      <c r="AI49" s="28"/>
      <c r="AJ49" s="28"/>
      <c r="AK49" s="29"/>
      <c r="AL49" s="29"/>
      <c r="AM49" s="30"/>
    </row>
    <row r="50" spans="1:39" s="46" customFormat="1" ht="9.75" customHeight="1">
      <c r="A50" s="47"/>
      <c r="B50" s="39"/>
      <c r="C50" s="33"/>
      <c r="D50" s="34"/>
      <c r="E50" s="175" t="s">
        <v>21</v>
      </c>
      <c r="F50" s="178" t="s">
        <v>212</v>
      </c>
      <c r="G50" s="48"/>
      <c r="H50" s="50"/>
      <c r="I50" s="48"/>
      <c r="J50" s="50"/>
      <c r="K50" s="51"/>
      <c r="L50" s="51"/>
      <c r="M50" s="52"/>
      <c r="N50" s="52"/>
      <c r="O50" s="49"/>
      <c r="P50" s="48"/>
      <c r="Q50" s="50"/>
      <c r="R50" s="48"/>
      <c r="S50" s="53"/>
      <c r="T50" s="54"/>
      <c r="U50" s="50"/>
      <c r="V50" s="48"/>
      <c r="W50" s="50"/>
      <c r="X50" s="55" t="s">
        <v>3</v>
      </c>
      <c r="Y50" s="55"/>
      <c r="Z50" s="55"/>
      <c r="AA50" s="55"/>
      <c r="AB50" s="56"/>
      <c r="AC50" s="56"/>
      <c r="AD50" s="56"/>
      <c r="AE50" s="56"/>
      <c r="AF50" s="56"/>
      <c r="AG50" s="56"/>
      <c r="AH50" s="56"/>
      <c r="AI50" s="56"/>
      <c r="AJ50" s="56"/>
      <c r="AK50" s="19"/>
      <c r="AL50" s="19"/>
      <c r="AM50" s="26"/>
    </row>
    <row r="51" spans="1:39" s="46" customFormat="1" ht="9.75" customHeight="1">
      <c r="A51" s="57"/>
      <c r="B51" s="58"/>
      <c r="C51" s="33"/>
      <c r="D51" s="34"/>
      <c r="E51" s="176"/>
      <c r="F51" s="179"/>
      <c r="G51" s="33"/>
      <c r="H51" s="59" t="s">
        <v>211</v>
      </c>
      <c r="I51" s="33"/>
      <c r="J51" s="59" t="s">
        <v>30</v>
      </c>
      <c r="K51" s="60" t="s">
        <v>30</v>
      </c>
      <c r="L51" s="60" t="s">
        <v>211</v>
      </c>
      <c r="M51" s="61"/>
      <c r="N51" s="61"/>
      <c r="O51" s="34"/>
      <c r="P51" s="33"/>
      <c r="Q51" s="59"/>
      <c r="R51" s="33" t="s">
        <v>211</v>
      </c>
      <c r="S51" s="62"/>
      <c r="T51" s="63" t="s">
        <v>211</v>
      </c>
      <c r="U51" s="59" t="s">
        <v>30</v>
      </c>
      <c r="V51" s="33"/>
      <c r="W51" s="59" t="s">
        <v>30</v>
      </c>
      <c r="X51" s="27"/>
      <c r="Y51" s="27"/>
      <c r="Z51" s="27"/>
      <c r="AA51" s="27"/>
      <c r="AB51" s="28"/>
      <c r="AC51" s="28"/>
      <c r="AD51" s="28"/>
      <c r="AE51" s="28"/>
      <c r="AF51" s="28"/>
      <c r="AG51" s="28"/>
      <c r="AH51" s="28"/>
      <c r="AI51" s="28"/>
      <c r="AJ51" s="28"/>
      <c r="AK51" s="29"/>
      <c r="AL51" s="29"/>
      <c r="AM51" s="30"/>
    </row>
    <row r="52" spans="1:39" s="46" customFormat="1" ht="9.75" customHeight="1">
      <c r="A52" s="57"/>
      <c r="B52" s="58"/>
      <c r="C52" s="33"/>
      <c r="D52" s="34"/>
      <c r="E52" s="176"/>
      <c r="F52" s="179"/>
      <c r="G52" s="33"/>
      <c r="H52" s="59"/>
      <c r="I52" s="33"/>
      <c r="J52" s="59"/>
      <c r="K52" s="60"/>
      <c r="L52" s="60"/>
      <c r="M52" s="61"/>
      <c r="N52" s="61"/>
      <c r="O52" s="34"/>
      <c r="P52" s="33"/>
      <c r="Q52" s="59"/>
      <c r="R52" s="33"/>
      <c r="S52" s="62"/>
      <c r="T52" s="63"/>
      <c r="U52" s="59"/>
      <c r="V52" s="33"/>
      <c r="W52" s="59"/>
      <c r="X52" s="27"/>
      <c r="Y52" s="27"/>
      <c r="Z52" s="27"/>
      <c r="AA52" s="27"/>
      <c r="AB52" s="28"/>
      <c r="AC52" s="28"/>
      <c r="AD52" s="28"/>
      <c r="AE52" s="28"/>
      <c r="AF52" s="28"/>
      <c r="AG52" s="28"/>
      <c r="AH52" s="28"/>
      <c r="AI52" s="28"/>
      <c r="AJ52" s="28"/>
      <c r="AK52" s="29"/>
      <c r="AL52" s="29"/>
      <c r="AM52" s="30"/>
    </row>
    <row r="53" spans="1:39" s="46" customFormat="1" ht="9.75" customHeight="1">
      <c r="A53" s="57"/>
      <c r="B53" s="58"/>
      <c r="C53" s="33"/>
      <c r="D53" s="58"/>
      <c r="E53" s="33"/>
      <c r="F53" s="34"/>
      <c r="G53" s="33"/>
      <c r="H53" s="59"/>
      <c r="I53" s="33"/>
      <c r="J53" s="59"/>
      <c r="K53" s="60"/>
      <c r="L53" s="60"/>
      <c r="M53" s="61"/>
      <c r="N53" s="185" t="s">
        <v>21</v>
      </c>
      <c r="O53" s="188" t="s">
        <v>213</v>
      </c>
      <c r="P53" s="48"/>
      <c r="Q53" s="50"/>
      <c r="R53" s="48"/>
      <c r="S53" s="53"/>
      <c r="T53" s="54"/>
      <c r="U53" s="50"/>
      <c r="V53" s="48"/>
      <c r="W53" s="50"/>
      <c r="X53" s="55" t="s">
        <v>3</v>
      </c>
      <c r="Y53" s="55"/>
      <c r="Z53" s="55"/>
      <c r="AA53" s="55"/>
      <c r="AB53" s="56"/>
      <c r="AC53" s="56"/>
      <c r="AD53" s="56"/>
      <c r="AE53" s="56"/>
      <c r="AF53" s="56"/>
      <c r="AG53" s="56"/>
      <c r="AH53" s="56"/>
      <c r="AI53" s="56"/>
      <c r="AJ53" s="56"/>
      <c r="AK53" s="19"/>
      <c r="AL53" s="19"/>
      <c r="AM53" s="26"/>
    </row>
    <row r="54" spans="1:39" s="46" customFormat="1" ht="9.75" customHeight="1">
      <c r="A54" s="57"/>
      <c r="B54" s="58"/>
      <c r="C54" s="33"/>
      <c r="D54" s="58"/>
      <c r="E54" s="33"/>
      <c r="F54" s="34"/>
      <c r="G54" s="33"/>
      <c r="H54" s="59"/>
      <c r="I54" s="33"/>
      <c r="J54" s="59"/>
      <c r="K54" s="60"/>
      <c r="L54" s="60"/>
      <c r="M54" s="61"/>
      <c r="N54" s="186"/>
      <c r="O54" s="179"/>
      <c r="P54" s="33"/>
      <c r="Q54" s="59" t="s">
        <v>214</v>
      </c>
      <c r="R54" s="33" t="s">
        <v>214</v>
      </c>
      <c r="S54" s="62"/>
      <c r="T54" s="63" t="s">
        <v>214</v>
      </c>
      <c r="U54" s="59" t="s">
        <v>30</v>
      </c>
      <c r="V54" s="33"/>
      <c r="W54" s="59" t="s">
        <v>30</v>
      </c>
      <c r="X54" s="27"/>
      <c r="Y54" s="27"/>
      <c r="Z54" s="27"/>
      <c r="AA54" s="27"/>
      <c r="AB54" s="28"/>
      <c r="AC54" s="28"/>
      <c r="AD54" s="28"/>
      <c r="AE54" s="28"/>
      <c r="AF54" s="28"/>
      <c r="AG54" s="28"/>
      <c r="AH54" s="28"/>
      <c r="AI54" s="28"/>
      <c r="AJ54" s="28"/>
      <c r="AK54" s="29"/>
      <c r="AL54" s="29"/>
      <c r="AM54" s="30"/>
    </row>
    <row r="55" spans="1:39" s="46" customFormat="1" ht="9.75" customHeight="1">
      <c r="A55" s="57"/>
      <c r="B55" s="58"/>
      <c r="C55" s="33"/>
      <c r="D55" s="58"/>
      <c r="E55" s="33"/>
      <c r="F55" s="34"/>
      <c r="G55" s="33"/>
      <c r="H55" s="59"/>
      <c r="I55" s="33"/>
      <c r="J55" s="59"/>
      <c r="K55" s="60"/>
      <c r="L55" s="60"/>
      <c r="M55" s="61"/>
      <c r="N55" s="187"/>
      <c r="O55" s="180"/>
      <c r="P55" s="33"/>
      <c r="Q55" s="59"/>
      <c r="R55" s="33"/>
      <c r="S55" s="62"/>
      <c r="T55" s="63"/>
      <c r="U55" s="59"/>
      <c r="V55" s="33"/>
      <c r="W55" s="59"/>
      <c r="X55" s="27"/>
      <c r="Y55" s="27"/>
      <c r="Z55" s="27"/>
      <c r="AA55" s="27"/>
      <c r="AB55" s="28"/>
      <c r="AC55" s="28"/>
      <c r="AD55" s="28"/>
      <c r="AE55" s="28"/>
      <c r="AF55" s="28"/>
      <c r="AG55" s="28"/>
      <c r="AH55" s="28"/>
      <c r="AI55" s="28"/>
      <c r="AJ55" s="28"/>
      <c r="AK55" s="29"/>
      <c r="AL55" s="29"/>
      <c r="AM55" s="30"/>
    </row>
    <row r="56" spans="1:39" s="46" customFormat="1" ht="9.75" customHeight="1">
      <c r="A56" s="57"/>
      <c r="B56" s="58"/>
      <c r="C56" s="33"/>
      <c r="D56" s="58"/>
      <c r="E56" s="33"/>
      <c r="F56" s="58"/>
      <c r="G56" s="33"/>
      <c r="H56" s="59"/>
      <c r="I56" s="33"/>
      <c r="J56" s="59"/>
      <c r="K56" s="60"/>
      <c r="L56" s="60"/>
      <c r="M56" s="61"/>
      <c r="N56" s="185" t="s">
        <v>36</v>
      </c>
      <c r="O56" s="188" t="s">
        <v>215</v>
      </c>
      <c r="P56" s="48"/>
      <c r="Q56" s="50"/>
      <c r="R56" s="48"/>
      <c r="S56" s="53"/>
      <c r="T56" s="54"/>
      <c r="U56" s="50"/>
      <c r="V56" s="48"/>
      <c r="W56" s="50"/>
      <c r="X56" s="55" t="s">
        <v>3</v>
      </c>
      <c r="Y56" s="55"/>
      <c r="Z56" s="55"/>
      <c r="AA56" s="55"/>
      <c r="AB56" s="56"/>
      <c r="AC56" s="56"/>
      <c r="AD56" s="56"/>
      <c r="AE56" s="56"/>
      <c r="AF56" s="56"/>
      <c r="AG56" s="56"/>
      <c r="AH56" s="56"/>
      <c r="AI56" s="56"/>
      <c r="AJ56" s="56"/>
      <c r="AK56" s="19"/>
      <c r="AL56" s="19"/>
      <c r="AM56" s="26"/>
    </row>
    <row r="57" spans="1:39" s="46" customFormat="1" ht="9.75" customHeight="1">
      <c r="A57" s="57"/>
      <c r="B57" s="58"/>
      <c r="C57" s="33"/>
      <c r="D57" s="58"/>
      <c r="E57" s="33"/>
      <c r="F57" s="58"/>
      <c r="G57" s="33"/>
      <c r="H57" s="59"/>
      <c r="I57" s="33"/>
      <c r="J57" s="59"/>
      <c r="K57" s="60"/>
      <c r="L57" s="60"/>
      <c r="M57" s="61"/>
      <c r="N57" s="186"/>
      <c r="O57" s="179"/>
      <c r="P57" s="33"/>
      <c r="Q57" s="59" t="s">
        <v>216</v>
      </c>
      <c r="R57" s="33" t="s">
        <v>216</v>
      </c>
      <c r="S57" s="62"/>
      <c r="T57" s="63" t="s">
        <v>216</v>
      </c>
      <c r="U57" s="59" t="s">
        <v>30</v>
      </c>
      <c r="V57" s="33"/>
      <c r="W57" s="59" t="s">
        <v>30</v>
      </c>
      <c r="X57" s="27"/>
      <c r="Y57" s="27"/>
      <c r="Z57" s="27"/>
      <c r="AA57" s="27"/>
      <c r="AB57" s="28"/>
      <c r="AC57" s="28"/>
      <c r="AD57" s="28"/>
      <c r="AE57" s="28"/>
      <c r="AF57" s="28"/>
      <c r="AG57" s="28"/>
      <c r="AH57" s="28"/>
      <c r="AI57" s="28"/>
      <c r="AJ57" s="28"/>
      <c r="AK57" s="29"/>
      <c r="AL57" s="29"/>
      <c r="AM57" s="30"/>
    </row>
    <row r="58" spans="1:39" s="46" customFormat="1" ht="9.75" customHeight="1">
      <c r="A58" s="158"/>
      <c r="B58" s="65"/>
      <c r="C58" s="64"/>
      <c r="D58" s="65"/>
      <c r="E58" s="64"/>
      <c r="F58" s="65"/>
      <c r="G58" s="64"/>
      <c r="H58" s="66"/>
      <c r="I58" s="64"/>
      <c r="J58" s="66"/>
      <c r="K58" s="67"/>
      <c r="L58" s="67"/>
      <c r="M58" s="68"/>
      <c r="N58" s="187"/>
      <c r="O58" s="180"/>
      <c r="P58" s="64"/>
      <c r="Q58" s="66"/>
      <c r="R58" s="64"/>
      <c r="S58" s="69"/>
      <c r="T58" s="70"/>
      <c r="U58" s="66"/>
      <c r="V58" s="64"/>
      <c r="W58" s="66"/>
      <c r="X58" s="71"/>
      <c r="Y58" s="71"/>
      <c r="Z58" s="71"/>
      <c r="AA58" s="71"/>
      <c r="AB58" s="72"/>
      <c r="AC58" s="72"/>
      <c r="AD58" s="72"/>
      <c r="AE58" s="72"/>
      <c r="AF58" s="72"/>
      <c r="AG58" s="72"/>
      <c r="AH58" s="72"/>
      <c r="AI58" s="72"/>
      <c r="AJ58" s="72"/>
      <c r="AK58" s="73"/>
      <c r="AL58" s="73"/>
      <c r="AM58" s="74"/>
    </row>
    <row r="59" spans="1:39" s="46" customFormat="1" ht="9.75" customHeight="1">
      <c r="A59" s="80"/>
      <c r="B59" s="81"/>
      <c r="C59" s="81"/>
      <c r="D59" s="81"/>
      <c r="E59" s="81"/>
      <c r="F59" s="81"/>
      <c r="G59" s="82"/>
      <c r="H59" s="83"/>
      <c r="I59" s="82"/>
      <c r="J59" s="83"/>
      <c r="K59" s="84"/>
      <c r="L59" s="84"/>
      <c r="M59" s="85"/>
      <c r="N59" s="85"/>
      <c r="O59" s="86"/>
      <c r="P59" s="82"/>
      <c r="Q59" s="83"/>
      <c r="R59" s="82"/>
      <c r="S59" s="87"/>
      <c r="T59" s="88"/>
      <c r="U59" s="83"/>
      <c r="V59" s="82"/>
      <c r="W59" s="83"/>
      <c r="X59" s="89" t="s">
        <v>3</v>
      </c>
      <c r="Y59" s="89"/>
      <c r="Z59" s="89"/>
      <c r="AA59" s="89"/>
      <c r="AB59" s="90"/>
      <c r="AC59" s="90"/>
      <c r="AD59" s="90"/>
      <c r="AE59" s="90"/>
      <c r="AF59" s="90"/>
      <c r="AG59" s="90"/>
      <c r="AH59" s="90"/>
      <c r="AI59" s="90"/>
      <c r="AJ59" s="90"/>
      <c r="AK59" s="91"/>
      <c r="AL59" s="91"/>
      <c r="AM59" s="92"/>
    </row>
    <row r="60" spans="1:39" s="46" customFormat="1" ht="9.75" customHeight="1">
      <c r="A60" s="181" t="s">
        <v>65</v>
      </c>
      <c r="B60" s="182"/>
      <c r="C60" s="183"/>
      <c r="D60" s="183"/>
      <c r="E60" s="183"/>
      <c r="F60" s="184"/>
      <c r="G60" s="35"/>
      <c r="H60" s="36" t="s">
        <v>132</v>
      </c>
      <c r="I60" s="35" t="s">
        <v>133</v>
      </c>
      <c r="J60" s="36" t="s">
        <v>134</v>
      </c>
      <c r="K60" s="37" t="s">
        <v>30</v>
      </c>
      <c r="L60" s="37" t="s">
        <v>135</v>
      </c>
      <c r="M60" s="38"/>
      <c r="N60" s="38"/>
      <c r="O60" s="39"/>
      <c r="P60" s="35"/>
      <c r="Q60" s="36"/>
      <c r="R60" s="35" t="s">
        <v>136</v>
      </c>
      <c r="S60" s="40"/>
      <c r="T60" s="41" t="s">
        <v>136</v>
      </c>
      <c r="U60" s="36" t="s">
        <v>30</v>
      </c>
      <c r="V60" s="35"/>
      <c r="W60" s="36" t="s">
        <v>30</v>
      </c>
      <c r="X60" s="42"/>
      <c r="Y60" s="42"/>
      <c r="Z60" s="42"/>
      <c r="AA60" s="42"/>
      <c r="AB60" s="43"/>
      <c r="AC60" s="43"/>
      <c r="AD60" s="43"/>
      <c r="AE60" s="43"/>
      <c r="AF60" s="43"/>
      <c r="AG60" s="43"/>
      <c r="AH60" s="43"/>
      <c r="AI60" s="43"/>
      <c r="AJ60" s="43"/>
      <c r="AK60" s="44"/>
      <c r="AL60" s="44"/>
      <c r="AM60" s="45"/>
    </row>
    <row r="61" spans="1:39" s="46" customFormat="1" ht="9.75" customHeight="1">
      <c r="A61" s="93"/>
      <c r="B61" s="94"/>
      <c r="C61" s="94"/>
      <c r="D61" s="94"/>
      <c r="E61" s="94"/>
      <c r="F61" s="94"/>
      <c r="G61" s="95"/>
      <c r="H61" s="96"/>
      <c r="I61" s="95"/>
      <c r="J61" s="96"/>
      <c r="K61" s="97"/>
      <c r="L61" s="97"/>
      <c r="M61" s="98"/>
      <c r="N61" s="98"/>
      <c r="O61" s="99"/>
      <c r="P61" s="95"/>
      <c r="Q61" s="96"/>
      <c r="R61" s="95"/>
      <c r="S61" s="100"/>
      <c r="T61" s="101"/>
      <c r="U61" s="96"/>
      <c r="V61" s="95"/>
      <c r="W61" s="96"/>
      <c r="X61" s="102"/>
      <c r="Y61" s="102"/>
      <c r="Z61" s="102"/>
      <c r="AA61" s="102"/>
      <c r="AB61" s="103"/>
      <c r="AC61" s="103"/>
      <c r="AD61" s="103"/>
      <c r="AE61" s="103"/>
      <c r="AF61" s="103"/>
      <c r="AG61" s="103"/>
      <c r="AH61" s="103"/>
      <c r="AI61" s="103"/>
      <c r="AJ61" s="103"/>
      <c r="AK61" s="104"/>
      <c r="AL61" s="104"/>
      <c r="AM61" s="155"/>
    </row>
    <row r="62" spans="1:39" ht="9.75" customHeight="1">
      <c r="A62" s="105"/>
      <c r="B62" s="106"/>
      <c r="C62" s="106"/>
      <c r="D62" s="106"/>
      <c r="E62" s="106"/>
      <c r="F62" s="106"/>
      <c r="G62" s="106"/>
      <c r="H62" s="106"/>
      <c r="I62" s="106"/>
      <c r="J62" s="106"/>
      <c r="K62" s="106"/>
      <c r="L62" s="106"/>
      <c r="M62" s="106"/>
      <c r="N62" s="106"/>
      <c r="O62" s="106"/>
      <c r="P62" s="106"/>
      <c r="Q62" s="106"/>
      <c r="R62" s="106"/>
      <c r="S62" s="106"/>
      <c r="T62" s="106"/>
      <c r="U62" s="106"/>
      <c r="V62" s="106"/>
      <c r="W62" s="106"/>
      <c r="X62" s="107"/>
      <c r="Y62" s="107"/>
      <c r="Z62" s="107"/>
      <c r="AA62" s="107"/>
      <c r="AB62" s="107"/>
      <c r="AC62" s="107"/>
      <c r="AD62" s="107"/>
      <c r="AE62" s="107"/>
      <c r="AF62" s="107"/>
      <c r="AG62" s="107"/>
      <c r="AH62" s="107"/>
      <c r="AI62" s="107"/>
      <c r="AJ62" s="107"/>
      <c r="AK62" s="107"/>
      <c r="AL62" s="107"/>
      <c r="AM62" s="108"/>
    </row>
    <row r="63" spans="1:39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1"/>
    </row>
    <row r="64" spans="1:39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1"/>
    </row>
    <row r="65" spans="1:39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1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51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C23:C25"/>
    <mergeCell ref="D23:D25"/>
    <mergeCell ref="E26:E28"/>
    <mergeCell ref="F26:F28"/>
    <mergeCell ref="E29:E31"/>
    <mergeCell ref="F29:F31"/>
    <mergeCell ref="N32:N34"/>
    <mergeCell ref="O32:O34"/>
    <mergeCell ref="N35:N37"/>
    <mergeCell ref="O35:O37"/>
    <mergeCell ref="N38:N40"/>
    <mergeCell ref="O38:O40"/>
    <mergeCell ref="E41:E43"/>
    <mergeCell ref="F41:F43"/>
    <mergeCell ref="N44:N46"/>
    <mergeCell ref="O44:O46"/>
    <mergeCell ref="N56:N58"/>
    <mergeCell ref="O56:O58"/>
    <mergeCell ref="A60:F60"/>
    <mergeCell ref="C47:C49"/>
    <mergeCell ref="D47:D49"/>
    <mergeCell ref="E50:E52"/>
    <mergeCell ref="F50:F52"/>
    <mergeCell ref="N53:N55"/>
    <mergeCell ref="O53:O55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3" max="84" man="1"/>
  </colBreaks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1086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194" t="s">
        <v>1087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79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973</v>
      </c>
      <c r="I11" s="35" t="s">
        <v>133</v>
      </c>
      <c r="J11" s="36" t="s">
        <v>974</v>
      </c>
      <c r="K11" s="124" t="s">
        <v>975</v>
      </c>
      <c r="L11" s="35"/>
      <c r="M11" s="125" t="s">
        <v>30</v>
      </c>
      <c r="N11" s="37" t="s">
        <v>976</v>
      </c>
      <c r="O11" s="38"/>
      <c r="P11" s="186"/>
      <c r="Q11" s="234"/>
      <c r="R11" s="35"/>
      <c r="S11" s="38"/>
      <c r="T11" s="126" t="s">
        <v>1088</v>
      </c>
      <c r="U11" s="38"/>
      <c r="V11" s="36" t="s">
        <v>30</v>
      </c>
      <c r="W11" s="37" t="s">
        <v>1089</v>
      </c>
      <c r="X11" s="37" t="s">
        <v>30</v>
      </c>
      <c r="Y11" s="37" t="s">
        <v>1090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 t="s">
        <v>1091</v>
      </c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78" t="s">
        <v>1092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79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1093</v>
      </c>
      <c r="I14" s="33" t="s">
        <v>133</v>
      </c>
      <c r="J14" s="59" t="s">
        <v>1094</v>
      </c>
      <c r="K14" s="132" t="s">
        <v>975</v>
      </c>
      <c r="L14" s="33"/>
      <c r="M14" s="133" t="s">
        <v>30</v>
      </c>
      <c r="N14" s="60" t="s">
        <v>1095</v>
      </c>
      <c r="O14" s="61"/>
      <c r="P14" s="61"/>
      <c r="Q14" s="34"/>
      <c r="R14" s="33"/>
      <c r="S14" s="61"/>
      <c r="T14" s="134" t="s">
        <v>1096</v>
      </c>
      <c r="U14" s="61"/>
      <c r="V14" s="59" t="s">
        <v>30</v>
      </c>
      <c r="W14" s="60" t="s">
        <v>1089</v>
      </c>
      <c r="X14" s="60" t="s">
        <v>30</v>
      </c>
      <c r="Y14" s="60" t="s">
        <v>1097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 t="s">
        <v>1091</v>
      </c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78" t="s">
        <v>1098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79"/>
      <c r="G17" s="33"/>
      <c r="H17" s="59" t="s">
        <v>1099</v>
      </c>
      <c r="I17" s="33" t="s">
        <v>133</v>
      </c>
      <c r="J17" s="59" t="s">
        <v>1100</v>
      </c>
      <c r="K17" s="132" t="s">
        <v>30</v>
      </c>
      <c r="L17" s="33"/>
      <c r="M17" s="133" t="s">
        <v>30</v>
      </c>
      <c r="N17" s="60" t="s">
        <v>1101</v>
      </c>
      <c r="O17" s="61"/>
      <c r="P17" s="61"/>
      <c r="Q17" s="34"/>
      <c r="R17" s="33"/>
      <c r="S17" s="61"/>
      <c r="T17" s="134" t="s">
        <v>1102</v>
      </c>
      <c r="U17" s="61"/>
      <c r="V17" s="59" t="s">
        <v>30</v>
      </c>
      <c r="W17" s="60" t="s">
        <v>30</v>
      </c>
      <c r="X17" s="60" t="s">
        <v>30</v>
      </c>
      <c r="Y17" s="60" t="s">
        <v>1103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79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21</v>
      </c>
      <c r="Q19" s="178" t="s">
        <v>300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1104</v>
      </c>
      <c r="T20" s="134" t="s">
        <v>1105</v>
      </c>
      <c r="U20" s="61"/>
      <c r="V20" s="59" t="s">
        <v>30</v>
      </c>
      <c r="W20" s="60" t="s">
        <v>30</v>
      </c>
      <c r="X20" s="60" t="s">
        <v>30</v>
      </c>
      <c r="Y20" s="60" t="s">
        <v>1106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33"/>
      <c r="D21" s="131"/>
      <c r="E21" s="33"/>
      <c r="F21" s="58"/>
      <c r="G21" s="33"/>
      <c r="H21" s="59"/>
      <c r="I21" s="33"/>
      <c r="J21" s="59"/>
      <c r="K21" s="132"/>
      <c r="L21" s="33"/>
      <c r="M21" s="133"/>
      <c r="N21" s="60"/>
      <c r="O21" s="61"/>
      <c r="P21" s="187"/>
      <c r="Q21" s="180"/>
      <c r="R21" s="33"/>
      <c r="S21" s="61"/>
      <c r="T21" s="134"/>
      <c r="U21" s="61"/>
      <c r="V21" s="59"/>
      <c r="W21" s="60"/>
      <c r="X21" s="60"/>
      <c r="Y21" s="60"/>
      <c r="Z21" s="135"/>
      <c r="AA21" s="27"/>
      <c r="AB21" s="27"/>
      <c r="AC21" s="27"/>
      <c r="AD21" s="28"/>
      <c r="AE21" s="29"/>
      <c r="AF21" s="29"/>
      <c r="AG21" s="29"/>
      <c r="AH21" s="27"/>
      <c r="AI21" s="27"/>
      <c r="AJ21" s="27"/>
      <c r="AK21" s="27"/>
      <c r="AL21" s="28"/>
      <c r="AM21" s="29"/>
      <c r="AN21" s="29"/>
      <c r="AO21" s="30"/>
    </row>
    <row r="22" spans="1:41" s="46" customFormat="1" ht="9.75" customHeight="1">
      <c r="A22" s="57"/>
      <c r="B22" s="131"/>
      <c r="C22" s="33"/>
      <c r="D22" s="131"/>
      <c r="E22" s="33"/>
      <c r="F22" s="58"/>
      <c r="G22" s="33"/>
      <c r="H22" s="59"/>
      <c r="I22" s="33"/>
      <c r="J22" s="59"/>
      <c r="K22" s="132"/>
      <c r="L22" s="33"/>
      <c r="M22" s="133"/>
      <c r="N22" s="60"/>
      <c r="O22" s="61"/>
      <c r="P22" s="185" t="s">
        <v>36</v>
      </c>
      <c r="Q22" s="178" t="s">
        <v>1107</v>
      </c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31"/>
      <c r="C23" s="33"/>
      <c r="D23" s="131"/>
      <c r="E23" s="33"/>
      <c r="F23" s="58"/>
      <c r="G23" s="33"/>
      <c r="H23" s="59"/>
      <c r="I23" s="33"/>
      <c r="J23" s="59"/>
      <c r="K23" s="132"/>
      <c r="L23" s="33"/>
      <c r="M23" s="133"/>
      <c r="N23" s="60"/>
      <c r="O23" s="61"/>
      <c r="P23" s="186"/>
      <c r="Q23" s="179"/>
      <c r="R23" s="33"/>
      <c r="S23" s="61" t="s">
        <v>1108</v>
      </c>
      <c r="T23" s="134" t="s">
        <v>1108</v>
      </c>
      <c r="U23" s="61"/>
      <c r="V23" s="59" t="s">
        <v>30</v>
      </c>
      <c r="W23" s="60" t="s">
        <v>30</v>
      </c>
      <c r="X23" s="60" t="s">
        <v>30</v>
      </c>
      <c r="Y23" s="60" t="s">
        <v>30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31"/>
      <c r="C24" s="33"/>
      <c r="D24" s="131"/>
      <c r="E24" s="33"/>
      <c r="F24" s="58"/>
      <c r="G24" s="33"/>
      <c r="H24" s="59"/>
      <c r="I24" s="33"/>
      <c r="J24" s="59"/>
      <c r="K24" s="132"/>
      <c r="L24" s="33"/>
      <c r="M24" s="133"/>
      <c r="N24" s="60"/>
      <c r="O24" s="61"/>
      <c r="P24" s="187"/>
      <c r="Q24" s="180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131"/>
      <c r="E25" s="33"/>
      <c r="F25" s="58"/>
      <c r="G25" s="33"/>
      <c r="H25" s="59"/>
      <c r="I25" s="33"/>
      <c r="J25" s="59"/>
      <c r="K25" s="132"/>
      <c r="L25" s="33"/>
      <c r="M25" s="133"/>
      <c r="N25" s="60"/>
      <c r="O25" s="61"/>
      <c r="P25" s="185" t="s">
        <v>52</v>
      </c>
      <c r="Q25" s="178" t="s">
        <v>444</v>
      </c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31"/>
      <c r="E26" s="33"/>
      <c r="F26" s="58"/>
      <c r="G26" s="33"/>
      <c r="H26" s="59"/>
      <c r="I26" s="33"/>
      <c r="J26" s="59"/>
      <c r="K26" s="132"/>
      <c r="L26" s="33"/>
      <c r="M26" s="133"/>
      <c r="N26" s="60"/>
      <c r="O26" s="61"/>
      <c r="P26" s="186"/>
      <c r="Q26" s="179"/>
      <c r="R26" s="33"/>
      <c r="S26" s="61" t="s">
        <v>1109</v>
      </c>
      <c r="T26" s="134" t="s">
        <v>1110</v>
      </c>
      <c r="U26" s="61"/>
      <c r="V26" s="59" t="s">
        <v>30</v>
      </c>
      <c r="W26" s="60" t="s">
        <v>30</v>
      </c>
      <c r="X26" s="60" t="s">
        <v>30</v>
      </c>
      <c r="Y26" s="60" t="s">
        <v>1111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31"/>
      <c r="E27" s="33"/>
      <c r="F27" s="58"/>
      <c r="G27" s="33"/>
      <c r="H27" s="59"/>
      <c r="I27" s="33"/>
      <c r="J27" s="59"/>
      <c r="K27" s="132"/>
      <c r="L27" s="33"/>
      <c r="M27" s="133"/>
      <c r="N27" s="60"/>
      <c r="O27" s="61"/>
      <c r="P27" s="187"/>
      <c r="Q27" s="180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57"/>
      <c r="B28" s="131"/>
      <c r="C28" s="33"/>
      <c r="D28" s="131"/>
      <c r="E28" s="33"/>
      <c r="F28" s="58"/>
      <c r="G28" s="33"/>
      <c r="H28" s="59"/>
      <c r="I28" s="33"/>
      <c r="J28" s="59"/>
      <c r="K28" s="132"/>
      <c r="L28" s="33"/>
      <c r="M28" s="133"/>
      <c r="N28" s="60"/>
      <c r="O28" s="61"/>
      <c r="P28" s="185" t="s">
        <v>57</v>
      </c>
      <c r="Q28" s="178" t="s">
        <v>448</v>
      </c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31"/>
      <c r="C29" s="33"/>
      <c r="D29" s="131"/>
      <c r="E29" s="33"/>
      <c r="F29" s="58"/>
      <c r="G29" s="33"/>
      <c r="H29" s="59"/>
      <c r="I29" s="33"/>
      <c r="J29" s="59"/>
      <c r="K29" s="132"/>
      <c r="L29" s="33"/>
      <c r="M29" s="133"/>
      <c r="N29" s="60"/>
      <c r="O29" s="61"/>
      <c r="P29" s="186"/>
      <c r="Q29" s="179"/>
      <c r="R29" s="33"/>
      <c r="S29" s="61" t="s">
        <v>1112</v>
      </c>
      <c r="T29" s="134" t="s">
        <v>1113</v>
      </c>
      <c r="U29" s="61"/>
      <c r="V29" s="59" t="s">
        <v>30</v>
      </c>
      <c r="W29" s="60" t="s">
        <v>30</v>
      </c>
      <c r="X29" s="60" t="s">
        <v>30</v>
      </c>
      <c r="Y29" s="60" t="s">
        <v>1114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31"/>
      <c r="C30" s="33"/>
      <c r="D30" s="131"/>
      <c r="E30" s="33"/>
      <c r="F30" s="58"/>
      <c r="G30" s="33"/>
      <c r="H30" s="59"/>
      <c r="I30" s="33"/>
      <c r="J30" s="59"/>
      <c r="K30" s="132"/>
      <c r="L30" s="33"/>
      <c r="M30" s="133"/>
      <c r="N30" s="60"/>
      <c r="O30" s="61"/>
      <c r="P30" s="187"/>
      <c r="Q30" s="180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131"/>
      <c r="E31" s="33"/>
      <c r="F31" s="58"/>
      <c r="G31" s="33"/>
      <c r="H31" s="59"/>
      <c r="I31" s="33"/>
      <c r="J31" s="59"/>
      <c r="K31" s="132"/>
      <c r="L31" s="33"/>
      <c r="M31" s="133"/>
      <c r="N31" s="60"/>
      <c r="O31" s="61"/>
      <c r="P31" s="185" t="s">
        <v>302</v>
      </c>
      <c r="Q31" s="178" t="s">
        <v>303</v>
      </c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31"/>
      <c r="E32" s="33"/>
      <c r="F32" s="58"/>
      <c r="G32" s="33"/>
      <c r="H32" s="59"/>
      <c r="I32" s="33"/>
      <c r="J32" s="59"/>
      <c r="K32" s="132"/>
      <c r="L32" s="33"/>
      <c r="M32" s="133"/>
      <c r="N32" s="60"/>
      <c r="O32" s="61"/>
      <c r="P32" s="186"/>
      <c r="Q32" s="179"/>
      <c r="R32" s="33"/>
      <c r="S32" s="61" t="s">
        <v>1115</v>
      </c>
      <c r="T32" s="134" t="s">
        <v>1116</v>
      </c>
      <c r="U32" s="61"/>
      <c r="V32" s="59" t="s">
        <v>30</v>
      </c>
      <c r="W32" s="60" t="s">
        <v>30</v>
      </c>
      <c r="X32" s="60" t="s">
        <v>30</v>
      </c>
      <c r="Y32" s="60" t="s">
        <v>1117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33"/>
      <c r="D33" s="131"/>
      <c r="E33" s="33"/>
      <c r="F33" s="58"/>
      <c r="G33" s="33"/>
      <c r="H33" s="59"/>
      <c r="I33" s="33"/>
      <c r="J33" s="59"/>
      <c r="K33" s="132"/>
      <c r="L33" s="33"/>
      <c r="M33" s="133"/>
      <c r="N33" s="60"/>
      <c r="O33" s="61"/>
      <c r="P33" s="187"/>
      <c r="Q33" s="180"/>
      <c r="R33" s="33"/>
      <c r="S33" s="61"/>
      <c r="T33" s="134"/>
      <c r="U33" s="61"/>
      <c r="V33" s="59"/>
      <c r="W33" s="60"/>
      <c r="X33" s="60"/>
      <c r="Y33" s="60"/>
      <c r="Z33" s="135"/>
      <c r="AA33" s="27"/>
      <c r="AB33" s="27"/>
      <c r="AC33" s="27"/>
      <c r="AD33" s="28"/>
      <c r="AE33" s="29"/>
      <c r="AF33" s="29"/>
      <c r="AG33" s="29"/>
      <c r="AH33" s="27"/>
      <c r="AI33" s="27"/>
      <c r="AJ33" s="27"/>
      <c r="AK33" s="27"/>
      <c r="AL33" s="28"/>
      <c r="AM33" s="29"/>
      <c r="AN33" s="29"/>
      <c r="AO33" s="30"/>
    </row>
    <row r="34" spans="1:41" s="46" customFormat="1" ht="9.75" customHeight="1">
      <c r="A34" s="57"/>
      <c r="B34" s="131"/>
      <c r="C34" s="33"/>
      <c r="D34" s="131"/>
      <c r="E34" s="33"/>
      <c r="F34" s="58"/>
      <c r="G34" s="33"/>
      <c r="H34" s="59"/>
      <c r="I34" s="33"/>
      <c r="J34" s="59"/>
      <c r="K34" s="132"/>
      <c r="L34" s="33"/>
      <c r="M34" s="133"/>
      <c r="N34" s="60"/>
      <c r="O34" s="61"/>
      <c r="P34" s="185" t="s">
        <v>89</v>
      </c>
      <c r="Q34" s="178" t="s">
        <v>90</v>
      </c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31"/>
      <c r="C35" s="33"/>
      <c r="D35" s="131"/>
      <c r="E35" s="33"/>
      <c r="F35" s="58"/>
      <c r="G35" s="33"/>
      <c r="H35" s="59"/>
      <c r="I35" s="33"/>
      <c r="J35" s="59"/>
      <c r="K35" s="132"/>
      <c r="L35" s="33"/>
      <c r="M35" s="133"/>
      <c r="N35" s="60"/>
      <c r="O35" s="61"/>
      <c r="P35" s="186"/>
      <c r="Q35" s="179"/>
      <c r="R35" s="33"/>
      <c r="S35" s="61" t="s">
        <v>1118</v>
      </c>
      <c r="T35" s="134" t="s">
        <v>1119</v>
      </c>
      <c r="U35" s="61"/>
      <c r="V35" s="59" t="s">
        <v>30</v>
      </c>
      <c r="W35" s="60" t="s">
        <v>30</v>
      </c>
      <c r="X35" s="60" t="s">
        <v>30</v>
      </c>
      <c r="Y35" s="60" t="s">
        <v>1120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31"/>
      <c r="C36" s="33"/>
      <c r="D36" s="131"/>
      <c r="E36" s="33"/>
      <c r="F36" s="58"/>
      <c r="G36" s="33"/>
      <c r="H36" s="59"/>
      <c r="I36" s="33"/>
      <c r="J36" s="59"/>
      <c r="K36" s="132"/>
      <c r="L36" s="33"/>
      <c r="M36" s="133"/>
      <c r="N36" s="60"/>
      <c r="O36" s="61"/>
      <c r="P36" s="187"/>
      <c r="Q36" s="180"/>
      <c r="R36" s="33"/>
      <c r="S36" s="61"/>
      <c r="T36" s="134"/>
      <c r="U36" s="61"/>
      <c r="V36" s="59"/>
      <c r="W36" s="60"/>
      <c r="X36" s="60"/>
      <c r="Y36" s="60"/>
      <c r="Z36" s="135"/>
      <c r="AA36" s="27"/>
      <c r="AB36" s="27"/>
      <c r="AC36" s="27"/>
      <c r="AD36" s="28"/>
      <c r="AE36" s="29"/>
      <c r="AF36" s="29"/>
      <c r="AG36" s="29"/>
      <c r="AH36" s="27"/>
      <c r="AI36" s="27"/>
      <c r="AJ36" s="27"/>
      <c r="AK36" s="27"/>
      <c r="AL36" s="28"/>
      <c r="AM36" s="29"/>
      <c r="AN36" s="29"/>
      <c r="AO36" s="30"/>
    </row>
    <row r="37" spans="1:41" s="46" customFormat="1" ht="9.75" customHeight="1">
      <c r="A37" s="57"/>
      <c r="B37" s="131"/>
      <c r="C37" s="33"/>
      <c r="D37" s="131"/>
      <c r="E37" s="33"/>
      <c r="F37" s="58"/>
      <c r="G37" s="33"/>
      <c r="H37" s="59"/>
      <c r="I37" s="33"/>
      <c r="J37" s="59"/>
      <c r="K37" s="132"/>
      <c r="L37" s="33"/>
      <c r="M37" s="133"/>
      <c r="N37" s="60"/>
      <c r="O37" s="61"/>
      <c r="P37" s="185" t="s">
        <v>94</v>
      </c>
      <c r="Q37" s="178" t="s">
        <v>95</v>
      </c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31"/>
      <c r="C38" s="33"/>
      <c r="D38" s="131"/>
      <c r="E38" s="33"/>
      <c r="F38" s="58"/>
      <c r="G38" s="33"/>
      <c r="H38" s="59"/>
      <c r="I38" s="33"/>
      <c r="J38" s="59"/>
      <c r="K38" s="132"/>
      <c r="L38" s="33"/>
      <c r="M38" s="133"/>
      <c r="N38" s="60"/>
      <c r="O38" s="61"/>
      <c r="P38" s="186"/>
      <c r="Q38" s="179"/>
      <c r="R38" s="33"/>
      <c r="S38" s="61" t="s">
        <v>1121</v>
      </c>
      <c r="T38" s="134" t="s">
        <v>1122</v>
      </c>
      <c r="U38" s="61"/>
      <c r="V38" s="59" t="s">
        <v>30</v>
      </c>
      <c r="W38" s="60" t="s">
        <v>30</v>
      </c>
      <c r="X38" s="60" t="s">
        <v>30</v>
      </c>
      <c r="Y38" s="60" t="s">
        <v>1123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31"/>
      <c r="C39" s="33"/>
      <c r="D39" s="131"/>
      <c r="E39" s="33"/>
      <c r="F39" s="58"/>
      <c r="G39" s="33"/>
      <c r="H39" s="59"/>
      <c r="I39" s="33"/>
      <c r="J39" s="59"/>
      <c r="K39" s="132"/>
      <c r="L39" s="33"/>
      <c r="M39" s="133"/>
      <c r="N39" s="60"/>
      <c r="O39" s="61"/>
      <c r="P39" s="187"/>
      <c r="Q39" s="180"/>
      <c r="R39" s="33"/>
      <c r="S39" s="61"/>
      <c r="T39" s="134"/>
      <c r="U39" s="61"/>
      <c r="V39" s="59"/>
      <c r="W39" s="60"/>
      <c r="X39" s="60"/>
      <c r="Y39" s="60"/>
      <c r="Z39" s="135"/>
      <c r="AA39" s="27"/>
      <c r="AB39" s="27"/>
      <c r="AC39" s="27"/>
      <c r="AD39" s="28"/>
      <c r="AE39" s="29"/>
      <c r="AF39" s="29"/>
      <c r="AG39" s="29"/>
      <c r="AH39" s="27"/>
      <c r="AI39" s="27"/>
      <c r="AJ39" s="27"/>
      <c r="AK39" s="27"/>
      <c r="AL39" s="28"/>
      <c r="AM39" s="29"/>
      <c r="AN39" s="29"/>
      <c r="AO39" s="30"/>
    </row>
    <row r="40" spans="1:41" s="46" customFormat="1" ht="9.75" customHeight="1">
      <c r="A40" s="57"/>
      <c r="B40" s="131"/>
      <c r="C40" s="33"/>
      <c r="D40" s="131"/>
      <c r="E40" s="33"/>
      <c r="F40" s="58"/>
      <c r="G40" s="33"/>
      <c r="H40" s="59"/>
      <c r="I40" s="33"/>
      <c r="J40" s="59"/>
      <c r="K40" s="132"/>
      <c r="L40" s="33"/>
      <c r="M40" s="133"/>
      <c r="N40" s="60"/>
      <c r="O40" s="61"/>
      <c r="P40" s="185" t="s">
        <v>307</v>
      </c>
      <c r="Q40" s="178" t="s">
        <v>308</v>
      </c>
      <c r="R40" s="48"/>
      <c r="S40" s="52"/>
      <c r="T40" s="130"/>
      <c r="U40" s="52"/>
      <c r="V40" s="50"/>
      <c r="W40" s="51"/>
      <c r="X40" s="51"/>
      <c r="Y40" s="51"/>
      <c r="Z40" s="122" t="s">
        <v>3</v>
      </c>
      <c r="AA40" s="55"/>
      <c r="AB40" s="55"/>
      <c r="AC40" s="55"/>
      <c r="AD40" s="56"/>
      <c r="AE40" s="19"/>
      <c r="AF40" s="19"/>
      <c r="AG40" s="19"/>
      <c r="AH40" s="55"/>
      <c r="AI40" s="55"/>
      <c r="AJ40" s="55"/>
      <c r="AK40" s="55"/>
      <c r="AL40" s="56"/>
      <c r="AM40" s="19"/>
      <c r="AN40" s="19"/>
      <c r="AO40" s="26"/>
    </row>
    <row r="41" spans="1:41" s="46" customFormat="1" ht="9.75" customHeight="1">
      <c r="A41" s="57"/>
      <c r="B41" s="131"/>
      <c r="C41" s="33"/>
      <c r="D41" s="131"/>
      <c r="E41" s="33"/>
      <c r="F41" s="58"/>
      <c r="G41" s="33"/>
      <c r="H41" s="59"/>
      <c r="I41" s="33"/>
      <c r="J41" s="59"/>
      <c r="K41" s="132"/>
      <c r="L41" s="33"/>
      <c r="M41" s="133"/>
      <c r="N41" s="60"/>
      <c r="O41" s="61"/>
      <c r="P41" s="186"/>
      <c r="Q41" s="179"/>
      <c r="R41" s="33"/>
      <c r="S41" s="61" t="s">
        <v>1124</v>
      </c>
      <c r="T41" s="134" t="s">
        <v>1125</v>
      </c>
      <c r="U41" s="61"/>
      <c r="V41" s="59" t="s">
        <v>30</v>
      </c>
      <c r="W41" s="60" t="s">
        <v>30</v>
      </c>
      <c r="X41" s="60" t="s">
        <v>30</v>
      </c>
      <c r="Y41" s="60" t="s">
        <v>1126</v>
      </c>
      <c r="Z41" s="135"/>
      <c r="AA41" s="27"/>
      <c r="AB41" s="27"/>
      <c r="AC41" s="27"/>
      <c r="AD41" s="28"/>
      <c r="AE41" s="29"/>
      <c r="AF41" s="29"/>
      <c r="AG41" s="29"/>
      <c r="AH41" s="27"/>
      <c r="AI41" s="27"/>
      <c r="AJ41" s="27"/>
      <c r="AK41" s="27"/>
      <c r="AL41" s="28"/>
      <c r="AM41" s="29"/>
      <c r="AN41" s="29"/>
      <c r="AO41" s="30"/>
    </row>
    <row r="42" spans="1:41" s="46" customFormat="1" ht="9.75" customHeight="1">
      <c r="A42" s="57"/>
      <c r="B42" s="131"/>
      <c r="C42" s="33"/>
      <c r="D42" s="131"/>
      <c r="E42" s="33"/>
      <c r="F42" s="58"/>
      <c r="G42" s="33"/>
      <c r="H42" s="59"/>
      <c r="I42" s="33"/>
      <c r="J42" s="59"/>
      <c r="K42" s="132"/>
      <c r="L42" s="33"/>
      <c r="M42" s="133"/>
      <c r="N42" s="60"/>
      <c r="O42" s="61"/>
      <c r="P42" s="187"/>
      <c r="Q42" s="180"/>
      <c r="R42" s="33"/>
      <c r="S42" s="61"/>
      <c r="T42" s="134"/>
      <c r="U42" s="61"/>
      <c r="V42" s="59"/>
      <c r="W42" s="60"/>
      <c r="X42" s="60"/>
      <c r="Y42" s="60"/>
      <c r="Z42" s="135"/>
      <c r="AA42" s="27"/>
      <c r="AB42" s="27"/>
      <c r="AC42" s="27"/>
      <c r="AD42" s="28"/>
      <c r="AE42" s="29"/>
      <c r="AF42" s="29"/>
      <c r="AG42" s="29"/>
      <c r="AH42" s="27"/>
      <c r="AI42" s="27"/>
      <c r="AJ42" s="27"/>
      <c r="AK42" s="27"/>
      <c r="AL42" s="28"/>
      <c r="AM42" s="29"/>
      <c r="AN42" s="29"/>
      <c r="AO42" s="30"/>
    </row>
    <row r="43" spans="1:41" s="46" customFormat="1" ht="9.75" customHeight="1">
      <c r="A43" s="57"/>
      <c r="B43" s="131"/>
      <c r="C43" s="33"/>
      <c r="D43" s="131"/>
      <c r="E43" s="33"/>
      <c r="F43" s="58"/>
      <c r="G43" s="33"/>
      <c r="H43" s="59"/>
      <c r="I43" s="33"/>
      <c r="J43" s="59"/>
      <c r="K43" s="132"/>
      <c r="L43" s="33"/>
      <c r="M43" s="133"/>
      <c r="N43" s="60"/>
      <c r="O43" s="61"/>
      <c r="P43" s="185" t="s">
        <v>97</v>
      </c>
      <c r="Q43" s="188" t="s">
        <v>98</v>
      </c>
      <c r="R43" s="48"/>
      <c r="S43" s="52"/>
      <c r="T43" s="130"/>
      <c r="U43" s="52"/>
      <c r="V43" s="50"/>
      <c r="W43" s="51"/>
      <c r="X43" s="51"/>
      <c r="Y43" s="51"/>
      <c r="Z43" s="122" t="s">
        <v>3</v>
      </c>
      <c r="AA43" s="55"/>
      <c r="AB43" s="55"/>
      <c r="AC43" s="55"/>
      <c r="AD43" s="56"/>
      <c r="AE43" s="19"/>
      <c r="AF43" s="19"/>
      <c r="AG43" s="19"/>
      <c r="AH43" s="55"/>
      <c r="AI43" s="55"/>
      <c r="AJ43" s="55"/>
      <c r="AK43" s="55"/>
      <c r="AL43" s="56"/>
      <c r="AM43" s="19"/>
      <c r="AN43" s="19"/>
      <c r="AO43" s="26"/>
    </row>
    <row r="44" spans="1:41" s="46" customFormat="1" ht="9.75" customHeight="1">
      <c r="A44" s="57"/>
      <c r="B44" s="131"/>
      <c r="C44" s="33"/>
      <c r="D44" s="131"/>
      <c r="E44" s="33"/>
      <c r="F44" s="58"/>
      <c r="G44" s="33"/>
      <c r="H44" s="59"/>
      <c r="I44" s="33"/>
      <c r="J44" s="59"/>
      <c r="K44" s="132"/>
      <c r="L44" s="33"/>
      <c r="M44" s="133"/>
      <c r="N44" s="60"/>
      <c r="O44" s="61"/>
      <c r="P44" s="186"/>
      <c r="Q44" s="179"/>
      <c r="R44" s="33"/>
      <c r="S44" s="61" t="s">
        <v>1127</v>
      </c>
      <c r="T44" s="134" t="s">
        <v>1128</v>
      </c>
      <c r="U44" s="61"/>
      <c r="V44" s="59" t="s">
        <v>30</v>
      </c>
      <c r="W44" s="60" t="s">
        <v>30</v>
      </c>
      <c r="X44" s="60" t="s">
        <v>30</v>
      </c>
      <c r="Y44" s="60" t="s">
        <v>1129</v>
      </c>
      <c r="Z44" s="135"/>
      <c r="AA44" s="27"/>
      <c r="AB44" s="27"/>
      <c r="AC44" s="27"/>
      <c r="AD44" s="28"/>
      <c r="AE44" s="29"/>
      <c r="AF44" s="29"/>
      <c r="AG44" s="29"/>
      <c r="AH44" s="27"/>
      <c r="AI44" s="27"/>
      <c r="AJ44" s="27"/>
      <c r="AK44" s="27"/>
      <c r="AL44" s="28"/>
      <c r="AM44" s="29"/>
      <c r="AN44" s="29"/>
      <c r="AO44" s="30"/>
    </row>
    <row r="45" spans="1:41" s="46" customFormat="1" ht="9.75" customHeight="1">
      <c r="A45" s="57"/>
      <c r="B45" s="131"/>
      <c r="C45" s="33"/>
      <c r="D45" s="131"/>
      <c r="E45" s="33"/>
      <c r="F45" s="58"/>
      <c r="G45" s="33"/>
      <c r="H45" s="59"/>
      <c r="I45" s="33"/>
      <c r="J45" s="59"/>
      <c r="K45" s="132"/>
      <c r="L45" s="33"/>
      <c r="M45" s="133"/>
      <c r="N45" s="60"/>
      <c r="O45" s="61"/>
      <c r="P45" s="187"/>
      <c r="Q45" s="180"/>
      <c r="R45" s="33"/>
      <c r="S45" s="61"/>
      <c r="T45" s="134"/>
      <c r="U45" s="61"/>
      <c r="V45" s="59"/>
      <c r="W45" s="60"/>
      <c r="X45" s="60"/>
      <c r="Y45" s="60"/>
      <c r="Z45" s="135"/>
      <c r="AA45" s="27"/>
      <c r="AB45" s="27"/>
      <c r="AC45" s="27"/>
      <c r="AD45" s="28"/>
      <c r="AE45" s="29"/>
      <c r="AF45" s="29"/>
      <c r="AG45" s="29"/>
      <c r="AH45" s="27"/>
      <c r="AI45" s="27"/>
      <c r="AJ45" s="27"/>
      <c r="AK45" s="27"/>
      <c r="AL45" s="28"/>
      <c r="AM45" s="29"/>
      <c r="AN45" s="29"/>
      <c r="AO45" s="30"/>
    </row>
    <row r="46" spans="1:41" s="46" customFormat="1" ht="9.75" customHeight="1">
      <c r="A46" s="57"/>
      <c r="B46" s="131"/>
      <c r="C46" s="33"/>
      <c r="D46" s="131"/>
      <c r="E46" s="33"/>
      <c r="F46" s="58"/>
      <c r="G46" s="33"/>
      <c r="H46" s="59"/>
      <c r="I46" s="33"/>
      <c r="J46" s="59"/>
      <c r="K46" s="132"/>
      <c r="L46" s="33"/>
      <c r="M46" s="133"/>
      <c r="N46" s="60"/>
      <c r="O46" s="61"/>
      <c r="P46" s="185" t="s">
        <v>102</v>
      </c>
      <c r="Q46" s="188" t="s">
        <v>103</v>
      </c>
      <c r="R46" s="48"/>
      <c r="S46" s="52"/>
      <c r="T46" s="130"/>
      <c r="U46" s="52"/>
      <c r="V46" s="50"/>
      <c r="W46" s="51"/>
      <c r="X46" s="51"/>
      <c r="Y46" s="51"/>
      <c r="Z46" s="122" t="s">
        <v>3</v>
      </c>
      <c r="AA46" s="55"/>
      <c r="AB46" s="55"/>
      <c r="AC46" s="55"/>
      <c r="AD46" s="56"/>
      <c r="AE46" s="19"/>
      <c r="AF46" s="19"/>
      <c r="AG46" s="19"/>
      <c r="AH46" s="55"/>
      <c r="AI46" s="55"/>
      <c r="AJ46" s="55"/>
      <c r="AK46" s="55"/>
      <c r="AL46" s="56"/>
      <c r="AM46" s="19"/>
      <c r="AN46" s="19"/>
      <c r="AO46" s="26"/>
    </row>
    <row r="47" spans="1:41" s="46" customFormat="1" ht="9.75" customHeight="1">
      <c r="A47" s="57"/>
      <c r="B47" s="131"/>
      <c r="C47" s="33"/>
      <c r="D47" s="131"/>
      <c r="E47" s="33"/>
      <c r="F47" s="58"/>
      <c r="G47" s="33"/>
      <c r="H47" s="59"/>
      <c r="I47" s="33"/>
      <c r="J47" s="59"/>
      <c r="K47" s="132"/>
      <c r="L47" s="33"/>
      <c r="M47" s="133"/>
      <c r="N47" s="60"/>
      <c r="O47" s="61"/>
      <c r="P47" s="186"/>
      <c r="Q47" s="179"/>
      <c r="R47" s="33"/>
      <c r="S47" s="61" t="s">
        <v>1130</v>
      </c>
      <c r="T47" s="134" t="s">
        <v>1131</v>
      </c>
      <c r="U47" s="61"/>
      <c r="V47" s="59" t="s">
        <v>30</v>
      </c>
      <c r="W47" s="60" t="s">
        <v>30</v>
      </c>
      <c r="X47" s="60" t="s">
        <v>30</v>
      </c>
      <c r="Y47" s="60" t="s">
        <v>1132</v>
      </c>
      <c r="Z47" s="135"/>
      <c r="AA47" s="27"/>
      <c r="AB47" s="27"/>
      <c r="AC47" s="27"/>
      <c r="AD47" s="28"/>
      <c r="AE47" s="29"/>
      <c r="AF47" s="29"/>
      <c r="AG47" s="29"/>
      <c r="AH47" s="27"/>
      <c r="AI47" s="27"/>
      <c r="AJ47" s="27"/>
      <c r="AK47" s="27"/>
      <c r="AL47" s="28"/>
      <c r="AM47" s="29"/>
      <c r="AN47" s="29"/>
      <c r="AO47" s="30"/>
    </row>
    <row r="48" spans="1:41" s="46" customFormat="1" ht="9.75" customHeight="1">
      <c r="A48" s="57"/>
      <c r="B48" s="131"/>
      <c r="C48" s="33"/>
      <c r="D48" s="131"/>
      <c r="E48" s="33"/>
      <c r="F48" s="58"/>
      <c r="G48" s="33"/>
      <c r="H48" s="59"/>
      <c r="I48" s="33"/>
      <c r="J48" s="59"/>
      <c r="K48" s="132"/>
      <c r="L48" s="33"/>
      <c r="M48" s="133"/>
      <c r="N48" s="60"/>
      <c r="O48" s="61"/>
      <c r="P48" s="187"/>
      <c r="Q48" s="180"/>
      <c r="R48" s="33"/>
      <c r="S48" s="61"/>
      <c r="T48" s="134"/>
      <c r="U48" s="61"/>
      <c r="V48" s="59"/>
      <c r="W48" s="60"/>
      <c r="X48" s="60"/>
      <c r="Y48" s="60"/>
      <c r="Z48" s="135"/>
      <c r="AA48" s="27"/>
      <c r="AB48" s="27"/>
      <c r="AC48" s="27"/>
      <c r="AD48" s="28"/>
      <c r="AE48" s="29"/>
      <c r="AF48" s="29"/>
      <c r="AG48" s="29"/>
      <c r="AH48" s="27"/>
      <c r="AI48" s="27"/>
      <c r="AJ48" s="27"/>
      <c r="AK48" s="27"/>
      <c r="AL48" s="28"/>
      <c r="AM48" s="29"/>
      <c r="AN48" s="29"/>
      <c r="AO48" s="30"/>
    </row>
    <row r="49" spans="1:41" s="46" customFormat="1" ht="9.75" customHeight="1">
      <c r="A49" s="57"/>
      <c r="B49" s="131"/>
      <c r="C49" s="33"/>
      <c r="D49" s="131"/>
      <c r="E49" s="33"/>
      <c r="F49" s="58"/>
      <c r="G49" s="33"/>
      <c r="H49" s="59"/>
      <c r="I49" s="33"/>
      <c r="J49" s="59"/>
      <c r="K49" s="132"/>
      <c r="L49" s="33"/>
      <c r="M49" s="133"/>
      <c r="N49" s="60"/>
      <c r="O49" s="61"/>
      <c r="P49" s="185" t="s">
        <v>145</v>
      </c>
      <c r="Q49" s="188" t="s">
        <v>146</v>
      </c>
      <c r="R49" s="48"/>
      <c r="S49" s="52"/>
      <c r="T49" s="130"/>
      <c r="U49" s="52"/>
      <c r="V49" s="50"/>
      <c r="W49" s="51"/>
      <c r="X49" s="51"/>
      <c r="Y49" s="51"/>
      <c r="Z49" s="122" t="s">
        <v>3</v>
      </c>
      <c r="AA49" s="55"/>
      <c r="AB49" s="55"/>
      <c r="AC49" s="55"/>
      <c r="AD49" s="56"/>
      <c r="AE49" s="19"/>
      <c r="AF49" s="19"/>
      <c r="AG49" s="19"/>
      <c r="AH49" s="55"/>
      <c r="AI49" s="55"/>
      <c r="AJ49" s="55"/>
      <c r="AK49" s="55"/>
      <c r="AL49" s="56"/>
      <c r="AM49" s="19"/>
      <c r="AN49" s="19"/>
      <c r="AO49" s="26"/>
    </row>
    <row r="50" spans="1:41" s="46" customFormat="1" ht="9.75" customHeight="1">
      <c r="A50" s="57"/>
      <c r="B50" s="131"/>
      <c r="C50" s="33"/>
      <c r="D50" s="131"/>
      <c r="E50" s="33"/>
      <c r="F50" s="58"/>
      <c r="G50" s="33"/>
      <c r="H50" s="59"/>
      <c r="I50" s="33"/>
      <c r="J50" s="59"/>
      <c r="K50" s="132"/>
      <c r="L50" s="33"/>
      <c r="M50" s="133"/>
      <c r="N50" s="60"/>
      <c r="O50" s="61"/>
      <c r="P50" s="186"/>
      <c r="Q50" s="179"/>
      <c r="R50" s="33"/>
      <c r="S50" s="61" t="s">
        <v>1133</v>
      </c>
      <c r="T50" s="134" t="s">
        <v>30</v>
      </c>
      <c r="U50" s="61"/>
      <c r="V50" s="59" t="s">
        <v>30</v>
      </c>
      <c r="W50" s="60" t="s">
        <v>30</v>
      </c>
      <c r="X50" s="60" t="s">
        <v>30</v>
      </c>
      <c r="Y50" s="60" t="s">
        <v>1133</v>
      </c>
      <c r="Z50" s="135"/>
      <c r="AA50" s="27"/>
      <c r="AB50" s="27"/>
      <c r="AC50" s="27"/>
      <c r="AD50" s="28"/>
      <c r="AE50" s="29"/>
      <c r="AF50" s="29"/>
      <c r="AG50" s="29"/>
      <c r="AH50" s="27"/>
      <c r="AI50" s="27"/>
      <c r="AJ50" s="27"/>
      <c r="AK50" s="27"/>
      <c r="AL50" s="28"/>
      <c r="AM50" s="29"/>
      <c r="AN50" s="29"/>
      <c r="AO50" s="30"/>
    </row>
    <row r="51" spans="1:41" s="46" customFormat="1" ht="9.75" customHeight="1">
      <c r="A51" s="57"/>
      <c r="B51" s="131"/>
      <c r="C51" s="33"/>
      <c r="D51" s="131"/>
      <c r="E51" s="33"/>
      <c r="F51" s="58"/>
      <c r="G51" s="33"/>
      <c r="H51" s="59"/>
      <c r="I51" s="33"/>
      <c r="J51" s="59"/>
      <c r="K51" s="132"/>
      <c r="L51" s="33"/>
      <c r="M51" s="133"/>
      <c r="N51" s="60"/>
      <c r="O51" s="61"/>
      <c r="P51" s="187"/>
      <c r="Q51" s="180"/>
      <c r="R51" s="33"/>
      <c r="S51" s="61"/>
      <c r="T51" s="134"/>
      <c r="U51" s="61"/>
      <c r="V51" s="59"/>
      <c r="W51" s="60"/>
      <c r="X51" s="60"/>
      <c r="Y51" s="60"/>
      <c r="Z51" s="135"/>
      <c r="AA51" s="27"/>
      <c r="AB51" s="27"/>
      <c r="AC51" s="27"/>
      <c r="AD51" s="28"/>
      <c r="AE51" s="29"/>
      <c r="AF51" s="29"/>
      <c r="AG51" s="29"/>
      <c r="AH51" s="27"/>
      <c r="AI51" s="27"/>
      <c r="AJ51" s="27"/>
      <c r="AK51" s="27"/>
      <c r="AL51" s="28"/>
      <c r="AM51" s="29"/>
      <c r="AN51" s="29"/>
      <c r="AO51" s="30"/>
    </row>
    <row r="52" spans="1:41" s="46" customFormat="1" ht="9.75" customHeight="1">
      <c r="A52" s="57"/>
      <c r="B52" s="131"/>
      <c r="C52" s="33"/>
      <c r="D52" s="131"/>
      <c r="E52" s="33"/>
      <c r="F52" s="58"/>
      <c r="G52" s="33"/>
      <c r="H52" s="59"/>
      <c r="I52" s="33"/>
      <c r="J52" s="59"/>
      <c r="K52" s="132"/>
      <c r="L52" s="33"/>
      <c r="M52" s="133"/>
      <c r="N52" s="60"/>
      <c r="O52" s="61"/>
      <c r="P52" s="185" t="s">
        <v>1134</v>
      </c>
      <c r="Q52" s="178" t="s">
        <v>1135</v>
      </c>
      <c r="R52" s="48"/>
      <c r="S52" s="52"/>
      <c r="T52" s="130"/>
      <c r="U52" s="52"/>
      <c r="V52" s="50"/>
      <c r="W52" s="51"/>
      <c r="X52" s="51"/>
      <c r="Y52" s="51"/>
      <c r="Z52" s="122" t="s">
        <v>3</v>
      </c>
      <c r="AA52" s="55"/>
      <c r="AB52" s="55"/>
      <c r="AC52" s="55"/>
      <c r="AD52" s="56"/>
      <c r="AE52" s="19"/>
      <c r="AF52" s="19"/>
      <c r="AG52" s="19"/>
      <c r="AH52" s="55"/>
      <c r="AI52" s="55"/>
      <c r="AJ52" s="55"/>
      <c r="AK52" s="55"/>
      <c r="AL52" s="56"/>
      <c r="AM52" s="19"/>
      <c r="AN52" s="19"/>
      <c r="AO52" s="26"/>
    </row>
    <row r="53" spans="1:41" s="46" customFormat="1" ht="9.75" customHeight="1">
      <c r="A53" s="57"/>
      <c r="B53" s="131"/>
      <c r="C53" s="33"/>
      <c r="D53" s="131"/>
      <c r="E53" s="33"/>
      <c r="F53" s="58"/>
      <c r="G53" s="33"/>
      <c r="H53" s="59"/>
      <c r="I53" s="33"/>
      <c r="J53" s="59"/>
      <c r="K53" s="132"/>
      <c r="L53" s="33"/>
      <c r="M53" s="133"/>
      <c r="N53" s="60"/>
      <c r="O53" s="61"/>
      <c r="P53" s="186"/>
      <c r="Q53" s="179"/>
      <c r="R53" s="33"/>
      <c r="S53" s="61" t="s">
        <v>1136</v>
      </c>
      <c r="T53" s="134" t="s">
        <v>1137</v>
      </c>
      <c r="U53" s="61"/>
      <c r="V53" s="59" t="s">
        <v>30</v>
      </c>
      <c r="W53" s="60" t="s">
        <v>30</v>
      </c>
      <c r="X53" s="60" t="s">
        <v>30</v>
      </c>
      <c r="Y53" s="60" t="s">
        <v>1138</v>
      </c>
      <c r="Z53" s="135"/>
      <c r="AA53" s="27"/>
      <c r="AB53" s="27"/>
      <c r="AC53" s="27"/>
      <c r="AD53" s="28"/>
      <c r="AE53" s="29"/>
      <c r="AF53" s="29"/>
      <c r="AG53" s="29"/>
      <c r="AH53" s="27"/>
      <c r="AI53" s="27"/>
      <c r="AJ53" s="27"/>
      <c r="AK53" s="27"/>
      <c r="AL53" s="28"/>
      <c r="AM53" s="29"/>
      <c r="AN53" s="29"/>
      <c r="AO53" s="30"/>
    </row>
    <row r="54" spans="1:41" s="46" customFormat="1" ht="9.75" customHeight="1">
      <c r="A54" s="57"/>
      <c r="B54" s="131"/>
      <c r="C54" s="33"/>
      <c r="D54" s="131"/>
      <c r="E54" s="33"/>
      <c r="F54" s="58"/>
      <c r="G54" s="33"/>
      <c r="H54" s="59"/>
      <c r="I54" s="33"/>
      <c r="J54" s="59"/>
      <c r="K54" s="132"/>
      <c r="L54" s="33"/>
      <c r="M54" s="133"/>
      <c r="N54" s="60"/>
      <c r="O54" s="61"/>
      <c r="P54" s="187"/>
      <c r="Q54" s="180"/>
      <c r="R54" s="33"/>
      <c r="S54" s="61"/>
      <c r="T54" s="134"/>
      <c r="U54" s="61"/>
      <c r="V54" s="59"/>
      <c r="W54" s="60"/>
      <c r="X54" s="60"/>
      <c r="Y54" s="60"/>
      <c r="Z54" s="135"/>
      <c r="AA54" s="27"/>
      <c r="AB54" s="27"/>
      <c r="AC54" s="27"/>
      <c r="AD54" s="28"/>
      <c r="AE54" s="29"/>
      <c r="AF54" s="29"/>
      <c r="AG54" s="29"/>
      <c r="AH54" s="27"/>
      <c r="AI54" s="27"/>
      <c r="AJ54" s="27"/>
      <c r="AK54" s="27"/>
      <c r="AL54" s="28"/>
      <c r="AM54" s="29"/>
      <c r="AN54" s="29"/>
      <c r="AO54" s="30"/>
    </row>
    <row r="55" spans="1:41" s="46" customFormat="1" ht="9.75" customHeight="1">
      <c r="A55" s="57"/>
      <c r="B55" s="141"/>
      <c r="C55" s="33"/>
      <c r="D55" s="34"/>
      <c r="E55" s="175" t="s">
        <v>36</v>
      </c>
      <c r="F55" s="178" t="s">
        <v>1139</v>
      </c>
      <c r="G55" s="48"/>
      <c r="H55" s="50"/>
      <c r="I55" s="48"/>
      <c r="J55" s="50"/>
      <c r="K55" s="128"/>
      <c r="L55" s="48"/>
      <c r="M55" s="129"/>
      <c r="N55" s="51"/>
      <c r="O55" s="52"/>
      <c r="P55" s="52"/>
      <c r="Q55" s="76"/>
      <c r="R55" s="48"/>
      <c r="S55" s="52"/>
      <c r="T55" s="130"/>
      <c r="U55" s="52"/>
      <c r="V55" s="50"/>
      <c r="W55" s="51"/>
      <c r="X55" s="51"/>
      <c r="Y55" s="51"/>
      <c r="Z55" s="122" t="s">
        <v>79</v>
      </c>
      <c r="AA55" s="55"/>
      <c r="AB55" s="55"/>
      <c r="AC55" s="55"/>
      <c r="AD55" s="56"/>
      <c r="AE55" s="19"/>
      <c r="AF55" s="19"/>
      <c r="AG55" s="19"/>
      <c r="AH55" s="55"/>
      <c r="AI55" s="55"/>
      <c r="AJ55" s="55"/>
      <c r="AK55" s="55"/>
      <c r="AL55" s="56"/>
      <c r="AM55" s="19"/>
      <c r="AN55" s="19"/>
      <c r="AO55" s="26"/>
    </row>
    <row r="56" spans="1:41" s="46" customFormat="1" ht="9.75" customHeight="1">
      <c r="A56" s="57"/>
      <c r="B56" s="141"/>
      <c r="C56" s="33"/>
      <c r="D56" s="141"/>
      <c r="E56" s="176"/>
      <c r="F56" s="179"/>
      <c r="G56" s="33"/>
      <c r="H56" s="59" t="s">
        <v>1140</v>
      </c>
      <c r="I56" s="33" t="s">
        <v>133</v>
      </c>
      <c r="J56" s="59" t="s">
        <v>1141</v>
      </c>
      <c r="K56" s="132" t="s">
        <v>975</v>
      </c>
      <c r="L56" s="33"/>
      <c r="M56" s="133" t="s">
        <v>30</v>
      </c>
      <c r="N56" s="60" t="s">
        <v>1142</v>
      </c>
      <c r="O56" s="61"/>
      <c r="P56" s="61"/>
      <c r="Q56" s="58"/>
      <c r="R56" s="33"/>
      <c r="S56" s="61"/>
      <c r="T56" s="134" t="s">
        <v>1143</v>
      </c>
      <c r="U56" s="61"/>
      <c r="V56" s="59" t="s">
        <v>30</v>
      </c>
      <c r="W56" s="60" t="s">
        <v>1089</v>
      </c>
      <c r="X56" s="60" t="s">
        <v>30</v>
      </c>
      <c r="Y56" s="60" t="s">
        <v>1144</v>
      </c>
      <c r="Z56" s="135"/>
      <c r="AA56" s="27"/>
      <c r="AB56" s="27"/>
      <c r="AC56" s="27"/>
      <c r="AD56" s="28"/>
      <c r="AE56" s="29"/>
      <c r="AF56" s="29"/>
      <c r="AG56" s="29"/>
      <c r="AH56" s="27"/>
      <c r="AI56" s="27"/>
      <c r="AJ56" s="27"/>
      <c r="AK56" s="27"/>
      <c r="AL56" s="28"/>
      <c r="AM56" s="29"/>
      <c r="AN56" s="29"/>
      <c r="AO56" s="30" t="s">
        <v>1091</v>
      </c>
    </row>
    <row r="57" spans="1:41" s="46" customFormat="1" ht="9.75" customHeight="1">
      <c r="A57" s="57"/>
      <c r="B57" s="141"/>
      <c r="C57" s="33"/>
      <c r="D57" s="141"/>
      <c r="E57" s="176"/>
      <c r="F57" s="179"/>
      <c r="G57" s="33"/>
      <c r="H57" s="59"/>
      <c r="I57" s="33"/>
      <c r="J57" s="59"/>
      <c r="K57" s="132"/>
      <c r="L57" s="33"/>
      <c r="M57" s="133"/>
      <c r="N57" s="60"/>
      <c r="O57" s="61"/>
      <c r="P57" s="61"/>
      <c r="Q57" s="58"/>
      <c r="R57" s="33"/>
      <c r="S57" s="61"/>
      <c r="T57" s="134"/>
      <c r="U57" s="61"/>
      <c r="V57" s="59"/>
      <c r="W57" s="60"/>
      <c r="X57" s="60"/>
      <c r="Y57" s="60"/>
      <c r="Z57" s="135"/>
      <c r="AA57" s="27"/>
      <c r="AB57" s="27"/>
      <c r="AC57" s="27"/>
      <c r="AD57" s="28"/>
      <c r="AE57" s="29"/>
      <c r="AF57" s="29"/>
      <c r="AG57" s="29"/>
      <c r="AH57" s="27"/>
      <c r="AI57" s="27"/>
      <c r="AJ57" s="27"/>
      <c r="AK57" s="27"/>
      <c r="AL57" s="28"/>
      <c r="AM57" s="29"/>
      <c r="AN57" s="29"/>
      <c r="AO57" s="30"/>
    </row>
    <row r="58" spans="1:41" s="46" customFormat="1" ht="9.75" customHeight="1">
      <c r="A58" s="57"/>
      <c r="B58" s="131"/>
      <c r="C58" s="33"/>
      <c r="D58" s="141"/>
      <c r="E58" s="33"/>
      <c r="F58" s="34"/>
      <c r="G58" s="33"/>
      <c r="H58" s="59"/>
      <c r="I58" s="33"/>
      <c r="J58" s="59"/>
      <c r="K58" s="132"/>
      <c r="L58" s="33"/>
      <c r="M58" s="133"/>
      <c r="N58" s="60"/>
      <c r="O58" s="61"/>
      <c r="P58" s="185" t="s">
        <v>21</v>
      </c>
      <c r="Q58" s="178" t="s">
        <v>300</v>
      </c>
      <c r="R58" s="48"/>
      <c r="S58" s="52"/>
      <c r="T58" s="130"/>
      <c r="U58" s="52"/>
      <c r="V58" s="50"/>
      <c r="W58" s="51"/>
      <c r="X58" s="51"/>
      <c r="Y58" s="51"/>
      <c r="Z58" s="122" t="s">
        <v>3</v>
      </c>
      <c r="AA58" s="55"/>
      <c r="AB58" s="55"/>
      <c r="AC58" s="55"/>
      <c r="AD58" s="56"/>
      <c r="AE58" s="19"/>
      <c r="AF58" s="19"/>
      <c r="AG58" s="19"/>
      <c r="AH58" s="55"/>
      <c r="AI58" s="55"/>
      <c r="AJ58" s="55"/>
      <c r="AK58" s="55"/>
      <c r="AL58" s="56"/>
      <c r="AM58" s="19"/>
      <c r="AN58" s="19"/>
      <c r="AO58" s="26"/>
    </row>
    <row r="59" spans="1:41" s="46" customFormat="1" ht="9.75" customHeight="1">
      <c r="A59" s="57"/>
      <c r="B59" s="131"/>
      <c r="C59" s="33"/>
      <c r="D59" s="141"/>
      <c r="E59" s="33"/>
      <c r="F59" s="34"/>
      <c r="G59" s="33"/>
      <c r="H59" s="59"/>
      <c r="I59" s="33"/>
      <c r="J59" s="59"/>
      <c r="K59" s="132"/>
      <c r="L59" s="33"/>
      <c r="M59" s="133"/>
      <c r="N59" s="60"/>
      <c r="O59" s="61"/>
      <c r="P59" s="186"/>
      <c r="Q59" s="179"/>
      <c r="R59" s="33"/>
      <c r="S59" s="61" t="s">
        <v>1145</v>
      </c>
      <c r="T59" s="134" t="s">
        <v>1146</v>
      </c>
      <c r="U59" s="61"/>
      <c r="V59" s="59" t="s">
        <v>30</v>
      </c>
      <c r="W59" s="60" t="s">
        <v>30</v>
      </c>
      <c r="X59" s="60" t="s">
        <v>30</v>
      </c>
      <c r="Y59" s="60" t="s">
        <v>1147</v>
      </c>
      <c r="Z59" s="135"/>
      <c r="AA59" s="27"/>
      <c r="AB59" s="27"/>
      <c r="AC59" s="27"/>
      <c r="AD59" s="28"/>
      <c r="AE59" s="29"/>
      <c r="AF59" s="29"/>
      <c r="AG59" s="29"/>
      <c r="AH59" s="27"/>
      <c r="AI59" s="27"/>
      <c r="AJ59" s="27"/>
      <c r="AK59" s="27"/>
      <c r="AL59" s="28"/>
      <c r="AM59" s="29"/>
      <c r="AN59" s="29"/>
      <c r="AO59" s="30"/>
    </row>
    <row r="60" spans="1:41" s="46" customFormat="1" ht="9.75" customHeight="1">
      <c r="A60" s="57"/>
      <c r="B60" s="131"/>
      <c r="C60" s="33"/>
      <c r="D60" s="141"/>
      <c r="E60" s="33"/>
      <c r="F60" s="34"/>
      <c r="G60" s="33"/>
      <c r="H60" s="59"/>
      <c r="I60" s="33"/>
      <c r="J60" s="59"/>
      <c r="K60" s="132"/>
      <c r="L60" s="33"/>
      <c r="M60" s="133"/>
      <c r="N60" s="60"/>
      <c r="O60" s="61"/>
      <c r="P60" s="187"/>
      <c r="Q60" s="180"/>
      <c r="R60" s="33"/>
      <c r="S60" s="61"/>
      <c r="T60" s="134"/>
      <c r="U60" s="61"/>
      <c r="V60" s="59"/>
      <c r="W60" s="60"/>
      <c r="X60" s="60"/>
      <c r="Y60" s="60"/>
      <c r="Z60" s="135"/>
      <c r="AA60" s="27"/>
      <c r="AB60" s="27"/>
      <c r="AC60" s="27"/>
      <c r="AD60" s="28"/>
      <c r="AE60" s="29"/>
      <c r="AF60" s="29"/>
      <c r="AG60" s="29"/>
      <c r="AH60" s="27"/>
      <c r="AI60" s="27"/>
      <c r="AJ60" s="27"/>
      <c r="AK60" s="27"/>
      <c r="AL60" s="28"/>
      <c r="AM60" s="29"/>
      <c r="AN60" s="29"/>
      <c r="AO60" s="30"/>
    </row>
    <row r="61" spans="1:41" s="46" customFormat="1" ht="9.75" customHeight="1">
      <c r="A61" s="57"/>
      <c r="B61" s="131"/>
      <c r="C61" s="33"/>
      <c r="D61" s="131"/>
      <c r="E61" s="33"/>
      <c r="F61" s="34"/>
      <c r="G61" s="33"/>
      <c r="H61" s="59"/>
      <c r="I61" s="33"/>
      <c r="J61" s="59"/>
      <c r="K61" s="132"/>
      <c r="L61" s="33"/>
      <c r="M61" s="133"/>
      <c r="N61" s="60"/>
      <c r="O61" s="61"/>
      <c r="P61" s="185" t="s">
        <v>36</v>
      </c>
      <c r="Q61" s="178" t="s">
        <v>1107</v>
      </c>
      <c r="R61" s="48"/>
      <c r="S61" s="52"/>
      <c r="T61" s="130"/>
      <c r="U61" s="52"/>
      <c r="V61" s="50"/>
      <c r="W61" s="51"/>
      <c r="X61" s="51"/>
      <c r="Y61" s="51"/>
      <c r="Z61" s="122" t="s">
        <v>3</v>
      </c>
      <c r="AA61" s="55"/>
      <c r="AB61" s="55"/>
      <c r="AC61" s="55"/>
      <c r="AD61" s="56"/>
      <c r="AE61" s="19"/>
      <c r="AF61" s="19"/>
      <c r="AG61" s="19"/>
      <c r="AH61" s="55"/>
      <c r="AI61" s="55"/>
      <c r="AJ61" s="55"/>
      <c r="AK61" s="55"/>
      <c r="AL61" s="56"/>
      <c r="AM61" s="19"/>
      <c r="AN61" s="19"/>
      <c r="AO61" s="26"/>
    </row>
    <row r="62" spans="1:41" s="46" customFormat="1" ht="9.75" customHeight="1">
      <c r="A62" s="57"/>
      <c r="B62" s="131"/>
      <c r="C62" s="33"/>
      <c r="D62" s="131"/>
      <c r="E62" s="33"/>
      <c r="F62" s="34"/>
      <c r="G62" s="33"/>
      <c r="H62" s="59"/>
      <c r="I62" s="33"/>
      <c r="J62" s="59"/>
      <c r="K62" s="132"/>
      <c r="L62" s="33"/>
      <c r="M62" s="133"/>
      <c r="N62" s="60"/>
      <c r="O62" s="61"/>
      <c r="P62" s="186"/>
      <c r="Q62" s="179"/>
      <c r="R62" s="33"/>
      <c r="S62" s="61" t="s">
        <v>1148</v>
      </c>
      <c r="T62" s="134" t="s">
        <v>1148</v>
      </c>
      <c r="U62" s="61"/>
      <c r="V62" s="59" t="s">
        <v>30</v>
      </c>
      <c r="W62" s="60" t="s">
        <v>30</v>
      </c>
      <c r="X62" s="60" t="s">
        <v>30</v>
      </c>
      <c r="Y62" s="60" t="s">
        <v>30</v>
      </c>
      <c r="Z62" s="135"/>
      <c r="AA62" s="27"/>
      <c r="AB62" s="27"/>
      <c r="AC62" s="27"/>
      <c r="AD62" s="28"/>
      <c r="AE62" s="29"/>
      <c r="AF62" s="29"/>
      <c r="AG62" s="29"/>
      <c r="AH62" s="27"/>
      <c r="AI62" s="27"/>
      <c r="AJ62" s="27"/>
      <c r="AK62" s="27"/>
      <c r="AL62" s="28"/>
      <c r="AM62" s="29"/>
      <c r="AN62" s="29"/>
      <c r="AO62" s="30"/>
    </row>
    <row r="63" spans="1:41" s="46" customFormat="1" ht="9.75" customHeight="1">
      <c r="A63" s="57"/>
      <c r="B63" s="131"/>
      <c r="C63" s="33"/>
      <c r="D63" s="131"/>
      <c r="E63" s="33"/>
      <c r="F63" s="34"/>
      <c r="G63" s="33"/>
      <c r="H63" s="59"/>
      <c r="I63" s="33"/>
      <c r="J63" s="59"/>
      <c r="K63" s="132"/>
      <c r="L63" s="33"/>
      <c r="M63" s="133"/>
      <c r="N63" s="60"/>
      <c r="O63" s="61"/>
      <c r="P63" s="187"/>
      <c r="Q63" s="180"/>
      <c r="R63" s="33"/>
      <c r="S63" s="61"/>
      <c r="T63" s="134"/>
      <c r="U63" s="61"/>
      <c r="V63" s="59"/>
      <c r="W63" s="60"/>
      <c r="X63" s="60"/>
      <c r="Y63" s="60"/>
      <c r="Z63" s="135"/>
      <c r="AA63" s="27"/>
      <c r="AB63" s="27"/>
      <c r="AC63" s="27"/>
      <c r="AD63" s="28"/>
      <c r="AE63" s="29"/>
      <c r="AF63" s="29"/>
      <c r="AG63" s="29"/>
      <c r="AH63" s="27"/>
      <c r="AI63" s="27"/>
      <c r="AJ63" s="27"/>
      <c r="AK63" s="27"/>
      <c r="AL63" s="28"/>
      <c r="AM63" s="29"/>
      <c r="AN63" s="29"/>
      <c r="AO63" s="30"/>
    </row>
    <row r="64" spans="1:41" s="46" customFormat="1" ht="9.75" customHeight="1">
      <c r="A64" s="57"/>
      <c r="B64" s="131"/>
      <c r="C64" s="33"/>
      <c r="D64" s="131"/>
      <c r="E64" s="33"/>
      <c r="F64" s="58"/>
      <c r="G64" s="33"/>
      <c r="H64" s="59"/>
      <c r="I64" s="33"/>
      <c r="J64" s="59"/>
      <c r="K64" s="132"/>
      <c r="L64" s="33"/>
      <c r="M64" s="133"/>
      <c r="N64" s="60"/>
      <c r="O64" s="61"/>
      <c r="P64" s="185" t="s">
        <v>52</v>
      </c>
      <c r="Q64" s="178" t="s">
        <v>444</v>
      </c>
      <c r="R64" s="48"/>
      <c r="S64" s="52"/>
      <c r="T64" s="130"/>
      <c r="U64" s="52"/>
      <c r="V64" s="50"/>
      <c r="W64" s="51"/>
      <c r="X64" s="51"/>
      <c r="Y64" s="51"/>
      <c r="Z64" s="122" t="s">
        <v>3</v>
      </c>
      <c r="AA64" s="55"/>
      <c r="AB64" s="55"/>
      <c r="AC64" s="55"/>
      <c r="AD64" s="56"/>
      <c r="AE64" s="19"/>
      <c r="AF64" s="19"/>
      <c r="AG64" s="19"/>
      <c r="AH64" s="55"/>
      <c r="AI64" s="55"/>
      <c r="AJ64" s="55"/>
      <c r="AK64" s="55"/>
      <c r="AL64" s="56"/>
      <c r="AM64" s="19"/>
      <c r="AN64" s="19"/>
      <c r="AO64" s="26"/>
    </row>
    <row r="65" spans="1:41" s="46" customFormat="1" ht="9.75" customHeight="1">
      <c r="A65" s="57"/>
      <c r="B65" s="131"/>
      <c r="C65" s="33"/>
      <c r="D65" s="131"/>
      <c r="E65" s="33"/>
      <c r="F65" s="58"/>
      <c r="G65" s="33"/>
      <c r="H65" s="59"/>
      <c r="I65" s="33"/>
      <c r="J65" s="59"/>
      <c r="K65" s="132"/>
      <c r="L65" s="33"/>
      <c r="M65" s="133"/>
      <c r="N65" s="60"/>
      <c r="O65" s="61"/>
      <c r="P65" s="186"/>
      <c r="Q65" s="179"/>
      <c r="R65" s="33"/>
      <c r="S65" s="61" t="s">
        <v>1149</v>
      </c>
      <c r="T65" s="134" t="s">
        <v>1149</v>
      </c>
      <c r="U65" s="61"/>
      <c r="V65" s="59" t="s">
        <v>30</v>
      </c>
      <c r="W65" s="60" t="s">
        <v>30</v>
      </c>
      <c r="X65" s="60" t="s">
        <v>30</v>
      </c>
      <c r="Y65" s="60" t="s">
        <v>30</v>
      </c>
      <c r="Z65" s="135"/>
      <c r="AA65" s="27"/>
      <c r="AB65" s="27"/>
      <c r="AC65" s="27"/>
      <c r="AD65" s="28"/>
      <c r="AE65" s="29"/>
      <c r="AF65" s="29"/>
      <c r="AG65" s="29"/>
      <c r="AH65" s="27"/>
      <c r="AI65" s="27"/>
      <c r="AJ65" s="27"/>
      <c r="AK65" s="27"/>
      <c r="AL65" s="28"/>
      <c r="AM65" s="29"/>
      <c r="AN65" s="29"/>
      <c r="AO65" s="30"/>
    </row>
    <row r="66" spans="1:41" s="46" customFormat="1" ht="9.75" customHeight="1">
      <c r="A66" s="57"/>
      <c r="B66" s="131"/>
      <c r="C66" s="33"/>
      <c r="D66" s="131"/>
      <c r="E66" s="33"/>
      <c r="F66" s="58"/>
      <c r="G66" s="33"/>
      <c r="H66" s="59"/>
      <c r="I66" s="33"/>
      <c r="J66" s="59"/>
      <c r="K66" s="132"/>
      <c r="L66" s="33"/>
      <c r="M66" s="133"/>
      <c r="N66" s="60"/>
      <c r="O66" s="61"/>
      <c r="P66" s="187"/>
      <c r="Q66" s="180"/>
      <c r="R66" s="33"/>
      <c r="S66" s="61"/>
      <c r="T66" s="134"/>
      <c r="U66" s="61"/>
      <c r="V66" s="59"/>
      <c r="W66" s="60"/>
      <c r="X66" s="60"/>
      <c r="Y66" s="60"/>
      <c r="Z66" s="135"/>
      <c r="AA66" s="27"/>
      <c r="AB66" s="27"/>
      <c r="AC66" s="27"/>
      <c r="AD66" s="28"/>
      <c r="AE66" s="29"/>
      <c r="AF66" s="29"/>
      <c r="AG66" s="29"/>
      <c r="AH66" s="27"/>
      <c r="AI66" s="27"/>
      <c r="AJ66" s="27"/>
      <c r="AK66" s="27"/>
      <c r="AL66" s="28"/>
      <c r="AM66" s="29"/>
      <c r="AN66" s="29"/>
      <c r="AO66" s="30"/>
    </row>
    <row r="67" spans="1:41" s="46" customFormat="1" ht="9.75" customHeight="1">
      <c r="A67" s="57"/>
      <c r="B67" s="131"/>
      <c r="C67" s="33"/>
      <c r="D67" s="131"/>
      <c r="E67" s="33"/>
      <c r="F67" s="58"/>
      <c r="G67" s="33"/>
      <c r="H67" s="59"/>
      <c r="I67" s="33"/>
      <c r="J67" s="59"/>
      <c r="K67" s="132"/>
      <c r="L67" s="33"/>
      <c r="M67" s="133"/>
      <c r="N67" s="60"/>
      <c r="O67" s="61"/>
      <c r="P67" s="185" t="s">
        <v>57</v>
      </c>
      <c r="Q67" s="178" t="s">
        <v>448</v>
      </c>
      <c r="R67" s="48"/>
      <c r="S67" s="52"/>
      <c r="T67" s="130"/>
      <c r="U67" s="52"/>
      <c r="V67" s="50"/>
      <c r="W67" s="51"/>
      <c r="X67" s="51"/>
      <c r="Y67" s="51"/>
      <c r="Z67" s="122" t="s">
        <v>3</v>
      </c>
      <c r="AA67" s="55"/>
      <c r="AB67" s="55"/>
      <c r="AC67" s="55"/>
      <c r="AD67" s="56"/>
      <c r="AE67" s="19"/>
      <c r="AF67" s="19"/>
      <c r="AG67" s="19"/>
      <c r="AH67" s="55"/>
      <c r="AI67" s="55"/>
      <c r="AJ67" s="55"/>
      <c r="AK67" s="55"/>
      <c r="AL67" s="56"/>
      <c r="AM67" s="19"/>
      <c r="AN67" s="19"/>
      <c r="AO67" s="26"/>
    </row>
    <row r="68" spans="1:41" s="46" customFormat="1" ht="9.75" customHeight="1">
      <c r="A68" s="57"/>
      <c r="B68" s="131"/>
      <c r="C68" s="33"/>
      <c r="D68" s="131"/>
      <c r="E68" s="33"/>
      <c r="F68" s="58"/>
      <c r="G68" s="33"/>
      <c r="H68" s="59"/>
      <c r="I68" s="33"/>
      <c r="J68" s="59"/>
      <c r="K68" s="132"/>
      <c r="L68" s="33"/>
      <c r="M68" s="133"/>
      <c r="N68" s="60"/>
      <c r="O68" s="61"/>
      <c r="P68" s="186"/>
      <c r="Q68" s="179"/>
      <c r="R68" s="33"/>
      <c r="S68" s="61" t="s">
        <v>1150</v>
      </c>
      <c r="T68" s="134" t="s">
        <v>1150</v>
      </c>
      <c r="U68" s="61"/>
      <c r="V68" s="59" t="s">
        <v>30</v>
      </c>
      <c r="W68" s="60" t="s">
        <v>30</v>
      </c>
      <c r="X68" s="60" t="s">
        <v>30</v>
      </c>
      <c r="Y68" s="60" t="s">
        <v>30</v>
      </c>
      <c r="Z68" s="135"/>
      <c r="AA68" s="27"/>
      <c r="AB68" s="27"/>
      <c r="AC68" s="27"/>
      <c r="AD68" s="28"/>
      <c r="AE68" s="29"/>
      <c r="AF68" s="29"/>
      <c r="AG68" s="29"/>
      <c r="AH68" s="27"/>
      <c r="AI68" s="27"/>
      <c r="AJ68" s="27"/>
      <c r="AK68" s="27"/>
      <c r="AL68" s="28"/>
      <c r="AM68" s="29"/>
      <c r="AN68" s="29"/>
      <c r="AO68" s="30"/>
    </row>
    <row r="69" spans="1:41" s="46" customFormat="1" ht="9.75" customHeight="1">
      <c r="A69" s="57"/>
      <c r="B69" s="131"/>
      <c r="C69" s="33"/>
      <c r="D69" s="131"/>
      <c r="E69" s="33"/>
      <c r="F69" s="58"/>
      <c r="G69" s="33"/>
      <c r="H69" s="59"/>
      <c r="I69" s="33"/>
      <c r="J69" s="59"/>
      <c r="K69" s="132"/>
      <c r="L69" s="33"/>
      <c r="M69" s="133"/>
      <c r="N69" s="60"/>
      <c r="O69" s="61"/>
      <c r="P69" s="187"/>
      <c r="Q69" s="180"/>
      <c r="R69" s="33"/>
      <c r="S69" s="61"/>
      <c r="T69" s="134"/>
      <c r="U69" s="61"/>
      <c r="V69" s="59"/>
      <c r="W69" s="60"/>
      <c r="X69" s="60"/>
      <c r="Y69" s="60"/>
      <c r="Z69" s="135"/>
      <c r="AA69" s="27"/>
      <c r="AB69" s="27"/>
      <c r="AC69" s="27"/>
      <c r="AD69" s="28"/>
      <c r="AE69" s="29"/>
      <c r="AF69" s="29"/>
      <c r="AG69" s="29"/>
      <c r="AH69" s="27"/>
      <c r="AI69" s="27"/>
      <c r="AJ69" s="27"/>
      <c r="AK69" s="27"/>
      <c r="AL69" s="28"/>
      <c r="AM69" s="29"/>
      <c r="AN69" s="29"/>
      <c r="AO69" s="30"/>
    </row>
    <row r="70" spans="1:41" s="46" customFormat="1" ht="9.75" customHeight="1">
      <c r="A70" s="57"/>
      <c r="B70" s="131"/>
      <c r="C70" s="33"/>
      <c r="D70" s="131"/>
      <c r="E70" s="33"/>
      <c r="F70" s="58"/>
      <c r="G70" s="33"/>
      <c r="H70" s="59"/>
      <c r="I70" s="33"/>
      <c r="J70" s="59"/>
      <c r="K70" s="132"/>
      <c r="L70" s="33"/>
      <c r="M70" s="133"/>
      <c r="N70" s="60"/>
      <c r="O70" s="61"/>
      <c r="P70" s="185" t="s">
        <v>352</v>
      </c>
      <c r="Q70" s="178" t="s">
        <v>353</v>
      </c>
      <c r="R70" s="48"/>
      <c r="S70" s="52"/>
      <c r="T70" s="130"/>
      <c r="U70" s="52"/>
      <c r="V70" s="50"/>
      <c r="W70" s="51"/>
      <c r="X70" s="51"/>
      <c r="Y70" s="51"/>
      <c r="Z70" s="122" t="s">
        <v>3</v>
      </c>
      <c r="AA70" s="55"/>
      <c r="AB70" s="55"/>
      <c r="AC70" s="55"/>
      <c r="AD70" s="56"/>
      <c r="AE70" s="19"/>
      <c r="AF70" s="19"/>
      <c r="AG70" s="19"/>
      <c r="AH70" s="55"/>
      <c r="AI70" s="55"/>
      <c r="AJ70" s="55"/>
      <c r="AK70" s="55"/>
      <c r="AL70" s="56"/>
      <c r="AM70" s="19"/>
      <c r="AN70" s="19"/>
      <c r="AO70" s="26"/>
    </row>
    <row r="71" spans="1:41" s="46" customFormat="1" ht="9.75" customHeight="1">
      <c r="A71" s="57"/>
      <c r="B71" s="131"/>
      <c r="C71" s="33"/>
      <c r="D71" s="131"/>
      <c r="E71" s="33"/>
      <c r="F71" s="58"/>
      <c r="G71" s="33"/>
      <c r="H71" s="59"/>
      <c r="I71" s="33"/>
      <c r="J71" s="59"/>
      <c r="K71" s="132"/>
      <c r="L71" s="33"/>
      <c r="M71" s="133"/>
      <c r="N71" s="60"/>
      <c r="O71" s="61"/>
      <c r="P71" s="186"/>
      <c r="Q71" s="179"/>
      <c r="R71" s="33"/>
      <c r="S71" s="61" t="s">
        <v>1151</v>
      </c>
      <c r="T71" s="134" t="s">
        <v>30</v>
      </c>
      <c r="U71" s="61"/>
      <c r="V71" s="59" t="s">
        <v>30</v>
      </c>
      <c r="W71" s="60" t="s">
        <v>30</v>
      </c>
      <c r="X71" s="60" t="s">
        <v>30</v>
      </c>
      <c r="Y71" s="60" t="s">
        <v>1151</v>
      </c>
      <c r="Z71" s="135"/>
      <c r="AA71" s="27"/>
      <c r="AB71" s="27"/>
      <c r="AC71" s="27"/>
      <c r="AD71" s="28"/>
      <c r="AE71" s="29"/>
      <c r="AF71" s="29"/>
      <c r="AG71" s="29"/>
      <c r="AH71" s="27"/>
      <c r="AI71" s="27"/>
      <c r="AJ71" s="27"/>
      <c r="AK71" s="27"/>
      <c r="AL71" s="28"/>
      <c r="AM71" s="29"/>
      <c r="AN71" s="29"/>
      <c r="AO71" s="30"/>
    </row>
    <row r="72" spans="1:41" s="46" customFormat="1" ht="9.75" customHeight="1">
      <c r="A72" s="57"/>
      <c r="B72" s="131"/>
      <c r="C72" s="33"/>
      <c r="D72" s="131"/>
      <c r="E72" s="33"/>
      <c r="F72" s="58"/>
      <c r="G72" s="33"/>
      <c r="H72" s="59"/>
      <c r="I72" s="33"/>
      <c r="J72" s="59"/>
      <c r="K72" s="132"/>
      <c r="L72" s="33"/>
      <c r="M72" s="133"/>
      <c r="N72" s="60"/>
      <c r="O72" s="61"/>
      <c r="P72" s="187"/>
      <c r="Q72" s="180"/>
      <c r="R72" s="33"/>
      <c r="S72" s="61"/>
      <c r="T72" s="134"/>
      <c r="U72" s="61"/>
      <c r="V72" s="59"/>
      <c r="W72" s="60"/>
      <c r="X72" s="60"/>
      <c r="Y72" s="60"/>
      <c r="Z72" s="135"/>
      <c r="AA72" s="27"/>
      <c r="AB72" s="27"/>
      <c r="AC72" s="27"/>
      <c r="AD72" s="28"/>
      <c r="AE72" s="29"/>
      <c r="AF72" s="29"/>
      <c r="AG72" s="29"/>
      <c r="AH72" s="27"/>
      <c r="AI72" s="27"/>
      <c r="AJ72" s="27"/>
      <c r="AK72" s="27"/>
      <c r="AL72" s="28"/>
      <c r="AM72" s="29"/>
      <c r="AN72" s="29"/>
      <c r="AO72" s="30"/>
    </row>
    <row r="73" spans="1:41" s="46" customFormat="1" ht="9.75" customHeight="1">
      <c r="A73" s="57"/>
      <c r="B73" s="131"/>
      <c r="C73" s="33"/>
      <c r="D73" s="131"/>
      <c r="E73" s="33"/>
      <c r="F73" s="58"/>
      <c r="G73" s="33"/>
      <c r="H73" s="59"/>
      <c r="I73" s="33"/>
      <c r="J73" s="59"/>
      <c r="K73" s="132"/>
      <c r="L73" s="33"/>
      <c r="M73" s="133"/>
      <c r="N73" s="60"/>
      <c r="O73" s="61"/>
      <c r="P73" s="185" t="s">
        <v>302</v>
      </c>
      <c r="Q73" s="178" t="s">
        <v>303</v>
      </c>
      <c r="R73" s="48"/>
      <c r="S73" s="52"/>
      <c r="T73" s="130"/>
      <c r="U73" s="52"/>
      <c r="V73" s="50"/>
      <c r="W73" s="51"/>
      <c r="X73" s="51"/>
      <c r="Y73" s="51"/>
      <c r="Z73" s="122" t="s">
        <v>3</v>
      </c>
      <c r="AA73" s="55"/>
      <c r="AB73" s="55"/>
      <c r="AC73" s="55"/>
      <c r="AD73" s="56"/>
      <c r="AE73" s="19"/>
      <c r="AF73" s="19"/>
      <c r="AG73" s="19"/>
      <c r="AH73" s="55"/>
      <c r="AI73" s="55"/>
      <c r="AJ73" s="55"/>
      <c r="AK73" s="55"/>
      <c r="AL73" s="56"/>
      <c r="AM73" s="19"/>
      <c r="AN73" s="19"/>
      <c r="AO73" s="26"/>
    </row>
    <row r="74" spans="1:41" s="46" customFormat="1" ht="9.75" customHeight="1">
      <c r="A74" s="57"/>
      <c r="B74" s="131"/>
      <c r="C74" s="33"/>
      <c r="D74" s="131"/>
      <c r="E74" s="33"/>
      <c r="F74" s="58"/>
      <c r="G74" s="33"/>
      <c r="H74" s="59"/>
      <c r="I74" s="33"/>
      <c r="J74" s="59"/>
      <c r="K74" s="132"/>
      <c r="L74" s="33"/>
      <c r="M74" s="133"/>
      <c r="N74" s="60"/>
      <c r="O74" s="61"/>
      <c r="P74" s="186"/>
      <c r="Q74" s="179"/>
      <c r="R74" s="33"/>
      <c r="S74" s="61" t="s">
        <v>1152</v>
      </c>
      <c r="T74" s="134" t="s">
        <v>1153</v>
      </c>
      <c r="U74" s="61"/>
      <c r="V74" s="59" t="s">
        <v>30</v>
      </c>
      <c r="W74" s="60" t="s">
        <v>30</v>
      </c>
      <c r="X74" s="60" t="s">
        <v>30</v>
      </c>
      <c r="Y74" s="60" t="s">
        <v>1154</v>
      </c>
      <c r="Z74" s="135"/>
      <c r="AA74" s="27"/>
      <c r="AB74" s="27"/>
      <c r="AC74" s="27"/>
      <c r="AD74" s="28"/>
      <c r="AE74" s="29"/>
      <c r="AF74" s="29"/>
      <c r="AG74" s="29"/>
      <c r="AH74" s="27"/>
      <c r="AI74" s="27"/>
      <c r="AJ74" s="27"/>
      <c r="AK74" s="27"/>
      <c r="AL74" s="28"/>
      <c r="AM74" s="29"/>
      <c r="AN74" s="29"/>
      <c r="AO74" s="30"/>
    </row>
    <row r="75" spans="1:41" s="46" customFormat="1" ht="9.75" customHeight="1">
      <c r="A75" s="57"/>
      <c r="B75" s="131"/>
      <c r="C75" s="33"/>
      <c r="D75" s="131"/>
      <c r="E75" s="33"/>
      <c r="F75" s="58"/>
      <c r="G75" s="33"/>
      <c r="H75" s="59"/>
      <c r="I75" s="33"/>
      <c r="J75" s="59"/>
      <c r="K75" s="132"/>
      <c r="L75" s="33"/>
      <c r="M75" s="133"/>
      <c r="N75" s="60"/>
      <c r="O75" s="61"/>
      <c r="P75" s="187"/>
      <c r="Q75" s="180"/>
      <c r="R75" s="33"/>
      <c r="S75" s="61"/>
      <c r="T75" s="134"/>
      <c r="U75" s="61"/>
      <c r="V75" s="59"/>
      <c r="W75" s="60"/>
      <c r="X75" s="60"/>
      <c r="Y75" s="60"/>
      <c r="Z75" s="135"/>
      <c r="AA75" s="27"/>
      <c r="AB75" s="27"/>
      <c r="AC75" s="27"/>
      <c r="AD75" s="28"/>
      <c r="AE75" s="29"/>
      <c r="AF75" s="29"/>
      <c r="AG75" s="29"/>
      <c r="AH75" s="27"/>
      <c r="AI75" s="27"/>
      <c r="AJ75" s="27"/>
      <c r="AK75" s="27"/>
      <c r="AL75" s="28"/>
      <c r="AM75" s="29"/>
      <c r="AN75" s="29"/>
      <c r="AO75" s="30"/>
    </row>
    <row r="76" spans="1:41" s="46" customFormat="1" ht="9.75" customHeight="1">
      <c r="A76" s="57"/>
      <c r="B76" s="131"/>
      <c r="C76" s="33"/>
      <c r="D76" s="131"/>
      <c r="E76" s="33"/>
      <c r="F76" s="58"/>
      <c r="G76" s="33"/>
      <c r="H76" s="59"/>
      <c r="I76" s="33"/>
      <c r="J76" s="59"/>
      <c r="K76" s="132"/>
      <c r="L76" s="33"/>
      <c r="M76" s="133"/>
      <c r="N76" s="60"/>
      <c r="O76" s="61"/>
      <c r="P76" s="185" t="s">
        <v>89</v>
      </c>
      <c r="Q76" s="178" t="s">
        <v>90</v>
      </c>
      <c r="R76" s="48"/>
      <c r="S76" s="52"/>
      <c r="T76" s="130"/>
      <c r="U76" s="52"/>
      <c r="V76" s="50"/>
      <c r="W76" s="51"/>
      <c r="X76" s="51"/>
      <c r="Y76" s="51"/>
      <c r="Z76" s="122" t="s">
        <v>3</v>
      </c>
      <c r="AA76" s="55"/>
      <c r="AB76" s="55"/>
      <c r="AC76" s="55"/>
      <c r="AD76" s="56"/>
      <c r="AE76" s="19"/>
      <c r="AF76" s="19"/>
      <c r="AG76" s="19"/>
      <c r="AH76" s="55"/>
      <c r="AI76" s="55"/>
      <c r="AJ76" s="55"/>
      <c r="AK76" s="55"/>
      <c r="AL76" s="56"/>
      <c r="AM76" s="19"/>
      <c r="AN76" s="19"/>
      <c r="AO76" s="26"/>
    </row>
    <row r="77" spans="1:41" s="46" customFormat="1" ht="9.75" customHeight="1">
      <c r="A77" s="57"/>
      <c r="B77" s="131"/>
      <c r="C77" s="33"/>
      <c r="D77" s="131"/>
      <c r="E77" s="33"/>
      <c r="F77" s="58"/>
      <c r="G77" s="33"/>
      <c r="H77" s="59"/>
      <c r="I77" s="33"/>
      <c r="J77" s="59"/>
      <c r="K77" s="132"/>
      <c r="L77" s="33"/>
      <c r="M77" s="133"/>
      <c r="N77" s="60"/>
      <c r="O77" s="61"/>
      <c r="P77" s="186"/>
      <c r="Q77" s="179"/>
      <c r="R77" s="33"/>
      <c r="S77" s="61" t="s">
        <v>1155</v>
      </c>
      <c r="T77" s="134" t="s">
        <v>1156</v>
      </c>
      <c r="U77" s="61"/>
      <c r="V77" s="59" t="s">
        <v>30</v>
      </c>
      <c r="W77" s="60" t="s">
        <v>30</v>
      </c>
      <c r="X77" s="60" t="s">
        <v>30</v>
      </c>
      <c r="Y77" s="60" t="s">
        <v>1157</v>
      </c>
      <c r="Z77" s="135"/>
      <c r="AA77" s="27"/>
      <c r="AB77" s="27"/>
      <c r="AC77" s="27"/>
      <c r="AD77" s="28"/>
      <c r="AE77" s="29"/>
      <c r="AF77" s="29"/>
      <c r="AG77" s="29"/>
      <c r="AH77" s="27"/>
      <c r="AI77" s="27"/>
      <c r="AJ77" s="27"/>
      <c r="AK77" s="27"/>
      <c r="AL77" s="28"/>
      <c r="AM77" s="29"/>
      <c r="AN77" s="29"/>
      <c r="AO77" s="30"/>
    </row>
    <row r="78" spans="1:41" s="46" customFormat="1" ht="9.75" customHeight="1">
      <c r="A78" s="57"/>
      <c r="B78" s="131"/>
      <c r="C78" s="33"/>
      <c r="D78" s="131"/>
      <c r="E78" s="33"/>
      <c r="F78" s="58"/>
      <c r="G78" s="33"/>
      <c r="H78" s="59"/>
      <c r="I78" s="33"/>
      <c r="J78" s="59"/>
      <c r="K78" s="132"/>
      <c r="L78" s="33"/>
      <c r="M78" s="133"/>
      <c r="N78" s="60"/>
      <c r="O78" s="61"/>
      <c r="P78" s="187"/>
      <c r="Q78" s="180"/>
      <c r="R78" s="33"/>
      <c r="S78" s="61"/>
      <c r="T78" s="134"/>
      <c r="U78" s="61"/>
      <c r="V78" s="59"/>
      <c r="W78" s="60"/>
      <c r="X78" s="60"/>
      <c r="Y78" s="60"/>
      <c r="Z78" s="135"/>
      <c r="AA78" s="27"/>
      <c r="AB78" s="27"/>
      <c r="AC78" s="27"/>
      <c r="AD78" s="28"/>
      <c r="AE78" s="29"/>
      <c r="AF78" s="29"/>
      <c r="AG78" s="29"/>
      <c r="AH78" s="27"/>
      <c r="AI78" s="27"/>
      <c r="AJ78" s="27"/>
      <c r="AK78" s="27"/>
      <c r="AL78" s="28"/>
      <c r="AM78" s="29"/>
      <c r="AN78" s="29"/>
      <c r="AO78" s="30"/>
    </row>
    <row r="79" spans="1:41" s="46" customFormat="1" ht="9.75" customHeight="1">
      <c r="A79" s="57"/>
      <c r="B79" s="131"/>
      <c r="C79" s="33"/>
      <c r="D79" s="131"/>
      <c r="E79" s="33"/>
      <c r="F79" s="58"/>
      <c r="G79" s="33"/>
      <c r="H79" s="59"/>
      <c r="I79" s="33"/>
      <c r="J79" s="59"/>
      <c r="K79" s="132"/>
      <c r="L79" s="33"/>
      <c r="M79" s="133"/>
      <c r="N79" s="60"/>
      <c r="O79" s="61"/>
      <c r="P79" s="185" t="s">
        <v>94</v>
      </c>
      <c r="Q79" s="178" t="s">
        <v>95</v>
      </c>
      <c r="R79" s="48"/>
      <c r="S79" s="52"/>
      <c r="T79" s="130"/>
      <c r="U79" s="52"/>
      <c r="V79" s="50"/>
      <c r="W79" s="51"/>
      <c r="X79" s="51"/>
      <c r="Y79" s="51"/>
      <c r="Z79" s="122" t="s">
        <v>3</v>
      </c>
      <c r="AA79" s="55"/>
      <c r="AB79" s="55"/>
      <c r="AC79" s="55"/>
      <c r="AD79" s="56"/>
      <c r="AE79" s="19"/>
      <c r="AF79" s="19"/>
      <c r="AG79" s="19"/>
      <c r="AH79" s="55"/>
      <c r="AI79" s="55"/>
      <c r="AJ79" s="55"/>
      <c r="AK79" s="55"/>
      <c r="AL79" s="56"/>
      <c r="AM79" s="19"/>
      <c r="AN79" s="19"/>
      <c r="AO79" s="26"/>
    </row>
    <row r="80" spans="1:41" s="46" customFormat="1" ht="9.75" customHeight="1">
      <c r="A80" s="57"/>
      <c r="B80" s="131"/>
      <c r="C80" s="33"/>
      <c r="D80" s="131"/>
      <c r="E80" s="33"/>
      <c r="F80" s="58"/>
      <c r="G80" s="33"/>
      <c r="H80" s="59"/>
      <c r="I80" s="33"/>
      <c r="J80" s="59"/>
      <c r="K80" s="132"/>
      <c r="L80" s="33"/>
      <c r="M80" s="133"/>
      <c r="N80" s="60"/>
      <c r="O80" s="61"/>
      <c r="P80" s="186"/>
      <c r="Q80" s="179"/>
      <c r="R80" s="33"/>
      <c r="S80" s="61" t="s">
        <v>1158</v>
      </c>
      <c r="T80" s="134" t="s">
        <v>1159</v>
      </c>
      <c r="U80" s="61"/>
      <c r="V80" s="59" t="s">
        <v>30</v>
      </c>
      <c r="W80" s="60" t="s">
        <v>30</v>
      </c>
      <c r="X80" s="60" t="s">
        <v>30</v>
      </c>
      <c r="Y80" s="60" t="s">
        <v>1160</v>
      </c>
      <c r="Z80" s="135"/>
      <c r="AA80" s="27"/>
      <c r="AB80" s="27"/>
      <c r="AC80" s="27"/>
      <c r="AD80" s="28"/>
      <c r="AE80" s="29"/>
      <c r="AF80" s="29"/>
      <c r="AG80" s="29"/>
      <c r="AH80" s="27"/>
      <c r="AI80" s="27"/>
      <c r="AJ80" s="27"/>
      <c r="AK80" s="27"/>
      <c r="AL80" s="28"/>
      <c r="AM80" s="29"/>
      <c r="AN80" s="29"/>
      <c r="AO80" s="30"/>
    </row>
    <row r="81" spans="1:43" s="46" customFormat="1" ht="9.75" customHeight="1">
      <c r="A81" s="57"/>
      <c r="B81" s="131"/>
      <c r="C81" s="33"/>
      <c r="D81" s="131"/>
      <c r="E81" s="33"/>
      <c r="F81" s="58"/>
      <c r="G81" s="33"/>
      <c r="H81" s="59"/>
      <c r="I81" s="33"/>
      <c r="J81" s="59"/>
      <c r="K81" s="132"/>
      <c r="L81" s="33"/>
      <c r="M81" s="133"/>
      <c r="N81" s="60"/>
      <c r="O81" s="61"/>
      <c r="P81" s="187"/>
      <c r="Q81" s="180"/>
      <c r="R81" s="33"/>
      <c r="S81" s="61"/>
      <c r="T81" s="134"/>
      <c r="U81" s="61"/>
      <c r="V81" s="59"/>
      <c r="W81" s="60"/>
      <c r="X81" s="60"/>
      <c r="Y81" s="60"/>
      <c r="Z81" s="135"/>
      <c r="AA81" s="27"/>
      <c r="AB81" s="27"/>
      <c r="AC81" s="27"/>
      <c r="AD81" s="28"/>
      <c r="AE81" s="29"/>
      <c r="AF81" s="29"/>
      <c r="AG81" s="29"/>
      <c r="AH81" s="27"/>
      <c r="AI81" s="27"/>
      <c r="AJ81" s="27"/>
      <c r="AK81" s="27"/>
      <c r="AL81" s="28"/>
      <c r="AM81" s="29"/>
      <c r="AN81" s="29"/>
      <c r="AO81" s="30"/>
    </row>
    <row r="82" spans="1:43" s="46" customFormat="1" ht="9.75" customHeight="1">
      <c r="A82" s="57"/>
      <c r="B82" s="131"/>
      <c r="C82" s="33"/>
      <c r="D82" s="131"/>
      <c r="E82" s="33"/>
      <c r="F82" s="58"/>
      <c r="G82" s="33"/>
      <c r="H82" s="59"/>
      <c r="I82" s="33"/>
      <c r="J82" s="59"/>
      <c r="K82" s="132"/>
      <c r="L82" s="33"/>
      <c r="M82" s="133"/>
      <c r="N82" s="60"/>
      <c r="O82" s="61"/>
      <c r="P82" s="185" t="s">
        <v>307</v>
      </c>
      <c r="Q82" s="178" t="s">
        <v>308</v>
      </c>
      <c r="R82" s="48"/>
      <c r="S82" s="52"/>
      <c r="T82" s="130"/>
      <c r="U82" s="52"/>
      <c r="V82" s="50"/>
      <c r="W82" s="51"/>
      <c r="X82" s="51"/>
      <c r="Y82" s="51"/>
      <c r="Z82" s="122" t="s">
        <v>3</v>
      </c>
      <c r="AA82" s="55"/>
      <c r="AB82" s="55"/>
      <c r="AC82" s="55"/>
      <c r="AD82" s="56"/>
      <c r="AE82" s="19"/>
      <c r="AF82" s="19"/>
      <c r="AG82" s="19"/>
      <c r="AH82" s="55"/>
      <c r="AI82" s="55"/>
      <c r="AJ82" s="55"/>
      <c r="AK82" s="55"/>
      <c r="AL82" s="56"/>
      <c r="AM82" s="19"/>
      <c r="AN82" s="19"/>
      <c r="AO82" s="26"/>
    </row>
    <row r="83" spans="1:43" s="46" customFormat="1" ht="9.75" customHeight="1">
      <c r="A83" s="57"/>
      <c r="B83" s="131"/>
      <c r="C83" s="33"/>
      <c r="D83" s="131"/>
      <c r="E83" s="33"/>
      <c r="F83" s="58"/>
      <c r="G83" s="33"/>
      <c r="H83" s="59"/>
      <c r="I83" s="33"/>
      <c r="J83" s="59"/>
      <c r="K83" s="132"/>
      <c r="L83" s="33"/>
      <c r="M83" s="133"/>
      <c r="N83" s="60"/>
      <c r="O83" s="61"/>
      <c r="P83" s="186"/>
      <c r="Q83" s="179"/>
      <c r="R83" s="33"/>
      <c r="S83" s="61" t="s">
        <v>1161</v>
      </c>
      <c r="T83" s="134" t="s">
        <v>1162</v>
      </c>
      <c r="U83" s="61"/>
      <c r="V83" s="59" t="s">
        <v>30</v>
      </c>
      <c r="W83" s="60" t="s">
        <v>1163</v>
      </c>
      <c r="X83" s="60" t="s">
        <v>30</v>
      </c>
      <c r="Y83" s="60" t="s">
        <v>1164</v>
      </c>
      <c r="Z83" s="135"/>
      <c r="AA83" s="27"/>
      <c r="AB83" s="27"/>
      <c r="AC83" s="27"/>
      <c r="AD83" s="28"/>
      <c r="AE83" s="29"/>
      <c r="AF83" s="29"/>
      <c r="AG83" s="29"/>
      <c r="AH83" s="27"/>
      <c r="AI83" s="27"/>
      <c r="AJ83" s="27"/>
      <c r="AK83" s="27"/>
      <c r="AL83" s="28"/>
      <c r="AM83" s="29"/>
      <c r="AN83" s="29"/>
      <c r="AO83" s="30"/>
    </row>
    <row r="84" spans="1:43" s="46" customFormat="1" ht="9.75" customHeight="1">
      <c r="A84" s="93"/>
      <c r="B84" s="150"/>
      <c r="C84" s="95"/>
      <c r="D84" s="150"/>
      <c r="E84" s="95"/>
      <c r="F84" s="99"/>
      <c r="G84" s="95"/>
      <c r="H84" s="96"/>
      <c r="I84" s="95"/>
      <c r="J84" s="96"/>
      <c r="K84" s="151"/>
      <c r="L84" s="95"/>
      <c r="M84" s="152"/>
      <c r="N84" s="97"/>
      <c r="O84" s="98"/>
      <c r="P84" s="260"/>
      <c r="Q84" s="261"/>
      <c r="R84" s="95"/>
      <c r="S84" s="98"/>
      <c r="T84" s="153"/>
      <c r="U84" s="98"/>
      <c r="V84" s="96"/>
      <c r="W84" s="97"/>
      <c r="X84" s="97"/>
      <c r="Y84" s="97"/>
      <c r="Z84" s="162"/>
      <c r="AA84" s="163"/>
      <c r="AB84" s="163"/>
      <c r="AC84" s="163"/>
      <c r="AD84" s="164"/>
      <c r="AE84" s="165"/>
      <c r="AF84" s="165"/>
      <c r="AG84" s="165"/>
      <c r="AH84" s="163"/>
      <c r="AI84" s="163"/>
      <c r="AJ84" s="163"/>
      <c r="AK84" s="163"/>
      <c r="AL84" s="164"/>
      <c r="AM84" s="165"/>
      <c r="AN84" s="165"/>
      <c r="AO84" s="166"/>
    </row>
    <row r="85" spans="1:43" ht="9.75" customHeight="1">
      <c r="Z85" s="32"/>
      <c r="AA85" s="32"/>
      <c r="AB85" s="32"/>
      <c r="AC85" s="32"/>
      <c r="AD85" s="32"/>
      <c r="AE85" s="32"/>
      <c r="AF85" s="32"/>
      <c r="AG85" s="32"/>
      <c r="AH85" s="32"/>
      <c r="AI85" s="32"/>
      <c r="AJ85" s="32"/>
      <c r="AK85" s="32"/>
      <c r="AL85" s="32"/>
      <c r="AM85" s="32"/>
      <c r="AN85" s="32"/>
      <c r="AO85" s="32"/>
    </row>
    <row r="88" spans="1:43" s="3" customFormat="1" ht="3.75" customHeight="1">
      <c r="A88" s="116"/>
      <c r="B88" s="116"/>
      <c r="C88" s="116"/>
      <c r="D88" s="116"/>
      <c r="E88" s="116"/>
      <c r="F88" s="116"/>
      <c r="G88" s="116"/>
      <c r="H88" s="116"/>
      <c r="I88" s="116"/>
      <c r="J88" s="116"/>
      <c r="K88" s="116"/>
      <c r="L88" s="116"/>
      <c r="M88" s="116"/>
      <c r="N88" s="116"/>
      <c r="O88" s="116"/>
      <c r="P88" s="116"/>
      <c r="Q88" s="116"/>
      <c r="R88" s="116"/>
      <c r="S88" s="116"/>
      <c r="T88" s="116"/>
      <c r="U88" s="116"/>
      <c r="V88" s="116"/>
      <c r="W88" s="116"/>
      <c r="X88" s="116"/>
      <c r="Y88" s="116"/>
      <c r="Z88" s="116"/>
      <c r="AA88" s="116"/>
      <c r="AB88" s="116"/>
      <c r="AC88" s="116"/>
      <c r="AD88" s="116"/>
      <c r="AE88" s="116"/>
      <c r="AF88" s="116"/>
      <c r="AG88" s="116"/>
      <c r="AH88" s="116"/>
      <c r="AI88" s="116"/>
      <c r="AJ88" s="116"/>
      <c r="AK88" s="116"/>
      <c r="AL88" s="116"/>
      <c r="AM88" s="116"/>
      <c r="AN88" s="116"/>
      <c r="AO88" s="116"/>
      <c r="AP88" s="116"/>
      <c r="AQ88" s="116"/>
    </row>
    <row r="89" spans="1:43" s="3" customFormat="1" ht="11.25" customHeight="1">
      <c r="A89" s="4"/>
      <c r="B89" s="4"/>
      <c r="C89" s="4"/>
      <c r="D89" s="4"/>
      <c r="E89" s="4"/>
      <c r="F89" s="4"/>
      <c r="G89" s="4"/>
      <c r="H89" s="4"/>
      <c r="I89" s="4"/>
      <c r="J89" s="4"/>
      <c r="K89" s="4"/>
      <c r="L89" s="4"/>
      <c r="M89" s="4"/>
      <c r="N89" s="4"/>
      <c r="O89" s="4"/>
      <c r="P89" s="4"/>
      <c r="Q89" s="4"/>
      <c r="R89" s="4"/>
      <c r="S89" s="4"/>
      <c r="T89" s="4"/>
      <c r="U89" s="4"/>
      <c r="V89" s="4"/>
      <c r="W89" s="4"/>
      <c r="X89" s="4"/>
      <c r="Y89" s="4"/>
      <c r="Z89" s="4"/>
      <c r="AA89" s="4"/>
      <c r="AB89" s="4"/>
      <c r="AC89" s="4"/>
      <c r="AD89" s="4"/>
      <c r="AE89" s="4"/>
      <c r="AF89" s="4"/>
      <c r="AG89" s="4"/>
      <c r="AH89" s="4"/>
      <c r="AI89" s="4"/>
      <c r="AJ89" s="4"/>
      <c r="AK89" s="4"/>
      <c r="AL89" s="4"/>
      <c r="AM89" s="4"/>
      <c r="AN89" s="4"/>
      <c r="AO89" s="4"/>
      <c r="AP89" s="4"/>
      <c r="AQ89" s="4"/>
    </row>
    <row r="90" spans="1:43" s="3" customFormat="1" ht="26.25" customHeight="1">
      <c r="A90" s="117"/>
      <c r="B90" s="6" t="s">
        <v>68</v>
      </c>
      <c r="C90" s="118"/>
      <c r="D90" s="119" t="s">
        <v>1086</v>
      </c>
      <c r="E90" s="6"/>
      <c r="F90" s="6"/>
      <c r="G90" s="6"/>
      <c r="H90" s="6"/>
      <c r="I90" s="6"/>
      <c r="J90" s="6"/>
      <c r="K90" s="6"/>
      <c r="L90" s="6"/>
      <c r="M90" s="6"/>
      <c r="N90" s="6"/>
      <c r="O90" s="6"/>
      <c r="P90" s="6"/>
      <c r="Q90" s="6"/>
      <c r="R90" s="6"/>
      <c r="S90" s="6"/>
      <c r="T90" s="4"/>
      <c r="U90" s="4"/>
      <c r="V90" s="4"/>
      <c r="W90" s="4"/>
      <c r="X90" s="4"/>
      <c r="Y90" s="4"/>
      <c r="Z90" s="4"/>
      <c r="AA90" s="4"/>
      <c r="AB90" s="4"/>
      <c r="AC90" s="4"/>
      <c r="AD90" s="4"/>
      <c r="AE90" s="4"/>
      <c r="AF90" s="4"/>
      <c r="AG90" s="4"/>
      <c r="AH90" s="4"/>
      <c r="AI90" s="4"/>
      <c r="AJ90" s="4"/>
      <c r="AK90" s="4"/>
      <c r="AL90" s="4"/>
      <c r="AM90" s="4"/>
      <c r="AN90" s="4"/>
      <c r="AO90" s="120" t="s">
        <v>3</v>
      </c>
      <c r="AP90" s="4"/>
      <c r="AQ90" s="4"/>
    </row>
    <row r="91" spans="1:43" ht="14.25" customHeight="1">
      <c r="A91" s="223" t="s">
        <v>4</v>
      </c>
      <c r="B91" s="224"/>
      <c r="C91" s="195" t="s">
        <v>5</v>
      </c>
      <c r="D91" s="224"/>
      <c r="E91" s="195" t="s">
        <v>6</v>
      </c>
      <c r="F91" s="224"/>
      <c r="G91" s="227" t="s">
        <v>7</v>
      </c>
      <c r="H91" s="228"/>
      <c r="I91" s="228"/>
      <c r="J91" s="228"/>
      <c r="K91" s="228"/>
      <c r="L91" s="228"/>
      <c r="M91" s="228"/>
      <c r="N91" s="228"/>
      <c r="O91" s="228"/>
      <c r="P91" s="228"/>
      <c r="Q91" s="228"/>
      <c r="R91" s="228"/>
      <c r="S91" s="228"/>
      <c r="T91" s="251" t="s">
        <v>70</v>
      </c>
      <c r="U91" s="228" t="s">
        <v>71</v>
      </c>
      <c r="V91" s="228"/>
      <c r="W91" s="228"/>
      <c r="X91" s="229"/>
      <c r="Y91" s="236" t="s">
        <v>72</v>
      </c>
      <c r="Z91" s="195" t="s">
        <v>12</v>
      </c>
      <c r="AA91" s="196"/>
      <c r="AB91" s="196"/>
      <c r="AC91" s="196"/>
      <c r="AD91" s="196"/>
      <c r="AE91" s="196"/>
      <c r="AF91" s="196"/>
      <c r="AG91" s="196"/>
      <c r="AH91" s="196"/>
      <c r="AI91" s="196"/>
      <c r="AJ91" s="196"/>
      <c r="AK91" s="196"/>
      <c r="AL91" s="196"/>
      <c r="AM91" s="196"/>
      <c r="AN91" s="196"/>
      <c r="AO91" s="197"/>
      <c r="AP91" s="12"/>
      <c r="AQ91" s="12"/>
    </row>
    <row r="92" spans="1:43" ht="14.25" customHeight="1">
      <c r="A92" s="225"/>
      <c r="B92" s="184"/>
      <c r="C92" s="198"/>
      <c r="D92" s="184"/>
      <c r="E92" s="198"/>
      <c r="F92" s="184"/>
      <c r="G92" s="237" t="s">
        <v>13</v>
      </c>
      <c r="H92" s="204"/>
      <c r="I92" s="237" t="s">
        <v>14</v>
      </c>
      <c r="J92" s="204"/>
      <c r="K92" s="206" t="s">
        <v>73</v>
      </c>
      <c r="L92" s="240" t="s">
        <v>74</v>
      </c>
      <c r="M92" s="241"/>
      <c r="N92" s="209" t="s">
        <v>16</v>
      </c>
      <c r="O92" s="14"/>
      <c r="P92" s="212" t="s">
        <v>17</v>
      </c>
      <c r="Q92" s="212"/>
      <c r="R92" s="212"/>
      <c r="S92" s="212"/>
      <c r="T92" s="252"/>
      <c r="U92" s="246" t="s">
        <v>75</v>
      </c>
      <c r="V92" s="178"/>
      <c r="W92" s="209" t="s">
        <v>76</v>
      </c>
      <c r="X92" s="209" t="s">
        <v>77</v>
      </c>
      <c r="Y92" s="210"/>
      <c r="Z92" s="198"/>
      <c r="AA92" s="183"/>
      <c r="AB92" s="183"/>
      <c r="AC92" s="183"/>
      <c r="AD92" s="183"/>
      <c r="AE92" s="183"/>
      <c r="AF92" s="183"/>
      <c r="AG92" s="183"/>
      <c r="AH92" s="183"/>
      <c r="AI92" s="183"/>
      <c r="AJ92" s="183"/>
      <c r="AK92" s="183"/>
      <c r="AL92" s="183"/>
      <c r="AM92" s="183"/>
      <c r="AN92" s="183"/>
      <c r="AO92" s="199"/>
      <c r="AP92" s="12"/>
      <c r="AQ92" s="12"/>
    </row>
    <row r="93" spans="1:43" ht="4.5" customHeight="1">
      <c r="A93" s="225"/>
      <c r="B93" s="184"/>
      <c r="C93" s="198"/>
      <c r="D93" s="184"/>
      <c r="E93" s="198"/>
      <c r="F93" s="184"/>
      <c r="G93" s="198"/>
      <c r="H93" s="184"/>
      <c r="I93" s="198"/>
      <c r="J93" s="184"/>
      <c r="K93" s="238"/>
      <c r="L93" s="242"/>
      <c r="M93" s="243"/>
      <c r="N93" s="210"/>
      <c r="O93" s="15"/>
      <c r="P93" s="214" t="s">
        <v>18</v>
      </c>
      <c r="Q93" s="204"/>
      <c r="R93" s="203" t="s">
        <v>19</v>
      </c>
      <c r="S93" s="214"/>
      <c r="T93" s="252"/>
      <c r="U93" s="247"/>
      <c r="V93" s="248"/>
      <c r="W93" s="210"/>
      <c r="X93" s="210"/>
      <c r="Y93" s="210"/>
      <c r="Z93" s="198"/>
      <c r="AA93" s="183"/>
      <c r="AB93" s="183"/>
      <c r="AC93" s="183"/>
      <c r="AD93" s="183"/>
      <c r="AE93" s="183"/>
      <c r="AF93" s="183"/>
      <c r="AG93" s="183"/>
      <c r="AH93" s="183"/>
      <c r="AI93" s="183"/>
      <c r="AJ93" s="183"/>
      <c r="AK93" s="183"/>
      <c r="AL93" s="183"/>
      <c r="AM93" s="183"/>
      <c r="AN93" s="183"/>
      <c r="AO93" s="199"/>
      <c r="AP93" s="12"/>
      <c r="AQ93" s="12"/>
    </row>
    <row r="94" spans="1:43" ht="9" customHeight="1">
      <c r="A94" s="226"/>
      <c r="B94" s="205"/>
      <c r="C94" s="200"/>
      <c r="D94" s="205"/>
      <c r="E94" s="200"/>
      <c r="F94" s="205"/>
      <c r="G94" s="200"/>
      <c r="H94" s="205"/>
      <c r="I94" s="200"/>
      <c r="J94" s="205"/>
      <c r="K94" s="239"/>
      <c r="L94" s="244"/>
      <c r="M94" s="245"/>
      <c r="N94" s="211"/>
      <c r="O94" s="16"/>
      <c r="P94" s="201"/>
      <c r="Q94" s="205"/>
      <c r="R94" s="200"/>
      <c r="S94" s="201"/>
      <c r="T94" s="253"/>
      <c r="U94" s="249"/>
      <c r="V94" s="250"/>
      <c r="W94" s="211"/>
      <c r="X94" s="211"/>
      <c r="Y94" s="211"/>
      <c r="Z94" s="200"/>
      <c r="AA94" s="201"/>
      <c r="AB94" s="201"/>
      <c r="AC94" s="201"/>
      <c r="AD94" s="201"/>
      <c r="AE94" s="201"/>
      <c r="AF94" s="201"/>
      <c r="AG94" s="201"/>
      <c r="AH94" s="201"/>
      <c r="AI94" s="201"/>
      <c r="AJ94" s="201"/>
      <c r="AK94" s="201"/>
      <c r="AL94" s="201"/>
      <c r="AM94" s="201"/>
      <c r="AN94" s="201"/>
      <c r="AO94" s="202"/>
      <c r="AP94" s="12"/>
      <c r="AQ94" s="12"/>
    </row>
    <row r="95" spans="1:43" s="32" customFormat="1" ht="9" customHeight="1">
      <c r="A95" s="17"/>
      <c r="B95" s="18"/>
      <c r="C95" s="19"/>
      <c r="D95" s="18"/>
      <c r="E95" s="19"/>
      <c r="F95" s="18"/>
      <c r="G95" s="20"/>
      <c r="H95" s="21" t="s">
        <v>20</v>
      </c>
      <c r="I95" s="20"/>
      <c r="J95" s="21" t="s">
        <v>20</v>
      </c>
      <c r="K95" s="22" t="s">
        <v>20</v>
      </c>
      <c r="L95" s="20"/>
      <c r="M95" s="21" t="s">
        <v>20</v>
      </c>
      <c r="N95" s="23" t="s">
        <v>20</v>
      </c>
      <c r="O95" s="29"/>
      <c r="P95" s="29"/>
      <c r="Q95" s="21"/>
      <c r="R95" s="20"/>
      <c r="S95" s="29" t="s">
        <v>20</v>
      </c>
      <c r="T95" s="121" t="s">
        <v>20</v>
      </c>
      <c r="U95" s="29"/>
      <c r="V95" s="21" t="s">
        <v>20</v>
      </c>
      <c r="W95" s="22" t="s">
        <v>20</v>
      </c>
      <c r="X95" s="22" t="s">
        <v>20</v>
      </c>
      <c r="Y95" s="22" t="s">
        <v>20</v>
      </c>
      <c r="Z95" s="122"/>
      <c r="AA95" s="27"/>
      <c r="AB95" s="27"/>
      <c r="AC95" s="27"/>
      <c r="AD95" s="28"/>
      <c r="AE95" s="29"/>
      <c r="AF95" s="29"/>
      <c r="AG95" s="29"/>
      <c r="AH95" s="27"/>
      <c r="AI95" s="27"/>
      <c r="AJ95" s="27"/>
      <c r="AK95" s="27"/>
      <c r="AL95" s="28"/>
      <c r="AM95" s="29"/>
      <c r="AN95" s="29"/>
      <c r="AO95" s="30"/>
      <c r="AP95" s="31"/>
      <c r="AQ95" s="31"/>
    </row>
    <row r="96" spans="1:43" s="46" customFormat="1" ht="9.75" customHeight="1">
      <c r="A96" s="57"/>
      <c r="B96" s="131"/>
      <c r="C96" s="33"/>
      <c r="D96" s="131"/>
      <c r="E96" s="33"/>
      <c r="F96" s="58"/>
      <c r="G96" s="33"/>
      <c r="H96" s="59"/>
      <c r="I96" s="33"/>
      <c r="J96" s="59"/>
      <c r="K96" s="132"/>
      <c r="L96" s="33"/>
      <c r="M96" s="133"/>
      <c r="N96" s="60"/>
      <c r="O96" s="61"/>
      <c r="P96" s="258" t="s">
        <v>97</v>
      </c>
      <c r="Q96" s="259" t="s">
        <v>98</v>
      </c>
      <c r="R96" s="33"/>
      <c r="S96" s="61"/>
      <c r="T96" s="134"/>
      <c r="U96" s="61"/>
      <c r="V96" s="59"/>
      <c r="W96" s="60"/>
      <c r="X96" s="60"/>
      <c r="Y96" s="60"/>
      <c r="Z96" s="135" t="s">
        <v>3</v>
      </c>
      <c r="AA96" s="27"/>
      <c r="AB96" s="27"/>
      <c r="AC96" s="27"/>
      <c r="AD96" s="28"/>
      <c r="AE96" s="29"/>
      <c r="AF96" s="29"/>
      <c r="AG96" s="29"/>
      <c r="AH96" s="27"/>
      <c r="AI96" s="27"/>
      <c r="AJ96" s="27"/>
      <c r="AK96" s="27"/>
      <c r="AL96" s="28"/>
      <c r="AM96" s="29"/>
      <c r="AN96" s="29"/>
      <c r="AO96" s="30"/>
    </row>
    <row r="97" spans="1:41" s="46" customFormat="1" ht="9.75" customHeight="1">
      <c r="A97" s="57"/>
      <c r="B97" s="131"/>
      <c r="C97" s="33"/>
      <c r="D97" s="131"/>
      <c r="E97" s="33"/>
      <c r="F97" s="58"/>
      <c r="G97" s="33"/>
      <c r="H97" s="59"/>
      <c r="I97" s="33"/>
      <c r="J97" s="59"/>
      <c r="K97" s="132"/>
      <c r="L97" s="33"/>
      <c r="M97" s="133"/>
      <c r="N97" s="60"/>
      <c r="O97" s="61"/>
      <c r="P97" s="186"/>
      <c r="Q97" s="179"/>
      <c r="R97" s="33"/>
      <c r="S97" s="61" t="s">
        <v>1165</v>
      </c>
      <c r="T97" s="134" t="s">
        <v>1166</v>
      </c>
      <c r="U97" s="61"/>
      <c r="V97" s="59" t="s">
        <v>30</v>
      </c>
      <c r="W97" s="60" t="s">
        <v>30</v>
      </c>
      <c r="X97" s="60" t="s">
        <v>30</v>
      </c>
      <c r="Y97" s="60" t="s">
        <v>1167</v>
      </c>
      <c r="Z97" s="135"/>
      <c r="AA97" s="27"/>
      <c r="AB97" s="27"/>
      <c r="AC97" s="27"/>
      <c r="AD97" s="28"/>
      <c r="AE97" s="29"/>
      <c r="AF97" s="29"/>
      <c r="AG97" s="29"/>
      <c r="AH97" s="27"/>
      <c r="AI97" s="27"/>
      <c r="AJ97" s="27"/>
      <c r="AK97" s="27"/>
      <c r="AL97" s="28"/>
      <c r="AM97" s="29"/>
      <c r="AN97" s="29"/>
      <c r="AO97" s="30"/>
    </row>
    <row r="98" spans="1:41" s="46" customFormat="1" ht="9.75" customHeight="1">
      <c r="A98" s="57"/>
      <c r="B98" s="131"/>
      <c r="C98" s="33"/>
      <c r="D98" s="131"/>
      <c r="E98" s="33"/>
      <c r="F98" s="58"/>
      <c r="G98" s="33"/>
      <c r="H98" s="59"/>
      <c r="I98" s="33"/>
      <c r="J98" s="59"/>
      <c r="K98" s="132"/>
      <c r="L98" s="33"/>
      <c r="M98" s="133"/>
      <c r="N98" s="60"/>
      <c r="O98" s="61"/>
      <c r="P98" s="187"/>
      <c r="Q98" s="180"/>
      <c r="R98" s="33"/>
      <c r="S98" s="61"/>
      <c r="T98" s="134"/>
      <c r="U98" s="61"/>
      <c r="V98" s="59"/>
      <c r="W98" s="60"/>
      <c r="X98" s="60"/>
      <c r="Y98" s="60"/>
      <c r="Z98" s="135"/>
      <c r="AA98" s="27"/>
      <c r="AB98" s="27"/>
      <c r="AC98" s="27"/>
      <c r="AD98" s="28"/>
      <c r="AE98" s="29"/>
      <c r="AF98" s="29"/>
      <c r="AG98" s="29"/>
      <c r="AH98" s="27"/>
      <c r="AI98" s="27"/>
      <c r="AJ98" s="27"/>
      <c r="AK98" s="27"/>
      <c r="AL98" s="28"/>
      <c r="AM98" s="29"/>
      <c r="AN98" s="29"/>
      <c r="AO98" s="30"/>
    </row>
    <row r="99" spans="1:41" s="46" customFormat="1" ht="9.75" customHeight="1">
      <c r="A99" s="57"/>
      <c r="B99" s="131"/>
      <c r="C99" s="33"/>
      <c r="D99" s="131"/>
      <c r="E99" s="33"/>
      <c r="F99" s="58"/>
      <c r="G99" s="33"/>
      <c r="H99" s="59"/>
      <c r="I99" s="33"/>
      <c r="J99" s="59"/>
      <c r="K99" s="132"/>
      <c r="L99" s="33"/>
      <c r="M99" s="133"/>
      <c r="N99" s="60"/>
      <c r="O99" s="61"/>
      <c r="P99" s="185" t="s">
        <v>468</v>
      </c>
      <c r="Q99" s="178" t="s">
        <v>469</v>
      </c>
      <c r="R99" s="48"/>
      <c r="S99" s="52"/>
      <c r="T99" s="130"/>
      <c r="U99" s="52"/>
      <c r="V99" s="50"/>
      <c r="W99" s="51"/>
      <c r="X99" s="51"/>
      <c r="Y99" s="51"/>
      <c r="Z99" s="122" t="s">
        <v>3</v>
      </c>
      <c r="AA99" s="55"/>
      <c r="AB99" s="55"/>
      <c r="AC99" s="55"/>
      <c r="AD99" s="56"/>
      <c r="AE99" s="19"/>
      <c r="AF99" s="19"/>
      <c r="AG99" s="19"/>
      <c r="AH99" s="55"/>
      <c r="AI99" s="55"/>
      <c r="AJ99" s="55"/>
      <c r="AK99" s="55"/>
      <c r="AL99" s="56"/>
      <c r="AM99" s="19"/>
      <c r="AN99" s="19"/>
      <c r="AO99" s="26"/>
    </row>
    <row r="100" spans="1:41" s="46" customFormat="1" ht="9.75" customHeight="1">
      <c r="A100" s="57"/>
      <c r="B100" s="131"/>
      <c r="C100" s="33"/>
      <c r="D100" s="131"/>
      <c r="E100" s="33"/>
      <c r="F100" s="58"/>
      <c r="G100" s="33"/>
      <c r="H100" s="59"/>
      <c r="I100" s="33"/>
      <c r="J100" s="59"/>
      <c r="K100" s="132"/>
      <c r="L100" s="33"/>
      <c r="M100" s="133"/>
      <c r="N100" s="60"/>
      <c r="O100" s="61"/>
      <c r="P100" s="186"/>
      <c r="Q100" s="179"/>
      <c r="R100" s="33"/>
      <c r="S100" s="61" t="s">
        <v>1168</v>
      </c>
      <c r="T100" s="134" t="s">
        <v>1169</v>
      </c>
      <c r="U100" s="61"/>
      <c r="V100" s="59" t="s">
        <v>30</v>
      </c>
      <c r="W100" s="60" t="s">
        <v>1170</v>
      </c>
      <c r="X100" s="60" t="s">
        <v>30</v>
      </c>
      <c r="Y100" s="60" t="s">
        <v>1171</v>
      </c>
      <c r="Z100" s="135"/>
      <c r="AA100" s="27"/>
      <c r="AB100" s="27"/>
      <c r="AC100" s="27"/>
      <c r="AD100" s="28"/>
      <c r="AE100" s="29"/>
      <c r="AF100" s="29"/>
      <c r="AG100" s="29"/>
      <c r="AH100" s="27"/>
      <c r="AI100" s="27"/>
      <c r="AJ100" s="27"/>
      <c r="AK100" s="27"/>
      <c r="AL100" s="28"/>
      <c r="AM100" s="29"/>
      <c r="AN100" s="29"/>
      <c r="AO100" s="30"/>
    </row>
    <row r="101" spans="1:41" s="46" customFormat="1" ht="9.75" customHeight="1">
      <c r="A101" s="57"/>
      <c r="B101" s="131"/>
      <c r="C101" s="33"/>
      <c r="D101" s="131"/>
      <c r="E101" s="33"/>
      <c r="F101" s="58"/>
      <c r="G101" s="33"/>
      <c r="H101" s="59"/>
      <c r="I101" s="33"/>
      <c r="J101" s="59"/>
      <c r="K101" s="132"/>
      <c r="L101" s="33"/>
      <c r="M101" s="133"/>
      <c r="N101" s="60"/>
      <c r="O101" s="61"/>
      <c r="P101" s="187"/>
      <c r="Q101" s="180"/>
      <c r="R101" s="33"/>
      <c r="S101" s="61"/>
      <c r="T101" s="134"/>
      <c r="U101" s="61"/>
      <c r="V101" s="59"/>
      <c r="W101" s="60"/>
      <c r="X101" s="60"/>
      <c r="Y101" s="60"/>
      <c r="Z101" s="135"/>
      <c r="AA101" s="27"/>
      <c r="AB101" s="27"/>
      <c r="AC101" s="27"/>
      <c r="AD101" s="28"/>
      <c r="AE101" s="29"/>
      <c r="AF101" s="29"/>
      <c r="AG101" s="29"/>
      <c r="AH101" s="27"/>
      <c r="AI101" s="27"/>
      <c r="AJ101" s="27"/>
      <c r="AK101" s="27"/>
      <c r="AL101" s="28"/>
      <c r="AM101" s="29"/>
      <c r="AN101" s="29"/>
      <c r="AO101" s="30"/>
    </row>
    <row r="102" spans="1:41" s="46" customFormat="1" ht="9.75" customHeight="1">
      <c r="A102" s="57"/>
      <c r="B102" s="131"/>
      <c r="C102" s="33"/>
      <c r="D102" s="131"/>
      <c r="E102" s="33"/>
      <c r="F102" s="58"/>
      <c r="G102" s="33"/>
      <c r="H102" s="59"/>
      <c r="I102" s="33"/>
      <c r="J102" s="59"/>
      <c r="K102" s="132"/>
      <c r="L102" s="33"/>
      <c r="M102" s="133"/>
      <c r="N102" s="60"/>
      <c r="O102" s="61"/>
      <c r="P102" s="185" t="s">
        <v>1172</v>
      </c>
      <c r="Q102" s="188" t="s">
        <v>1173</v>
      </c>
      <c r="R102" s="48"/>
      <c r="S102" s="52"/>
      <c r="T102" s="130"/>
      <c r="U102" s="52"/>
      <c r="V102" s="50"/>
      <c r="W102" s="51"/>
      <c r="X102" s="51"/>
      <c r="Y102" s="51"/>
      <c r="Z102" s="122" t="s">
        <v>3</v>
      </c>
      <c r="AA102" s="55"/>
      <c r="AB102" s="55"/>
      <c r="AC102" s="55"/>
      <c r="AD102" s="56"/>
      <c r="AE102" s="19"/>
      <c r="AF102" s="19"/>
      <c r="AG102" s="19"/>
      <c r="AH102" s="55"/>
      <c r="AI102" s="55"/>
      <c r="AJ102" s="55"/>
      <c r="AK102" s="55"/>
      <c r="AL102" s="56"/>
      <c r="AM102" s="19"/>
      <c r="AN102" s="19"/>
      <c r="AO102" s="26"/>
    </row>
    <row r="103" spans="1:41" s="46" customFormat="1" ht="9.75" customHeight="1">
      <c r="A103" s="57"/>
      <c r="B103" s="131"/>
      <c r="C103" s="33"/>
      <c r="D103" s="131"/>
      <c r="E103" s="33"/>
      <c r="F103" s="58"/>
      <c r="G103" s="33"/>
      <c r="H103" s="59"/>
      <c r="I103" s="33"/>
      <c r="J103" s="59"/>
      <c r="K103" s="132"/>
      <c r="L103" s="33"/>
      <c r="M103" s="133"/>
      <c r="N103" s="60"/>
      <c r="O103" s="61"/>
      <c r="P103" s="186"/>
      <c r="Q103" s="179"/>
      <c r="R103" s="33"/>
      <c r="S103" s="61" t="s">
        <v>1174</v>
      </c>
      <c r="T103" s="134" t="s">
        <v>1175</v>
      </c>
      <c r="U103" s="61"/>
      <c r="V103" s="59" t="s">
        <v>30</v>
      </c>
      <c r="W103" s="60" t="s">
        <v>30</v>
      </c>
      <c r="X103" s="60" t="s">
        <v>30</v>
      </c>
      <c r="Y103" s="60" t="s">
        <v>1176</v>
      </c>
      <c r="Z103" s="135"/>
      <c r="AA103" s="27"/>
      <c r="AB103" s="27"/>
      <c r="AC103" s="27"/>
      <c r="AD103" s="28"/>
      <c r="AE103" s="29"/>
      <c r="AF103" s="29"/>
      <c r="AG103" s="29"/>
      <c r="AH103" s="27"/>
      <c r="AI103" s="27"/>
      <c r="AJ103" s="27"/>
      <c r="AK103" s="27"/>
      <c r="AL103" s="28"/>
      <c r="AM103" s="29"/>
      <c r="AN103" s="29"/>
      <c r="AO103" s="30"/>
    </row>
    <row r="104" spans="1:41" s="46" customFormat="1" ht="9.75" customHeight="1">
      <c r="A104" s="57"/>
      <c r="B104" s="131"/>
      <c r="C104" s="33"/>
      <c r="D104" s="131"/>
      <c r="E104" s="33"/>
      <c r="F104" s="58"/>
      <c r="G104" s="33"/>
      <c r="H104" s="59"/>
      <c r="I104" s="33"/>
      <c r="J104" s="59"/>
      <c r="K104" s="132"/>
      <c r="L104" s="33"/>
      <c r="M104" s="133"/>
      <c r="N104" s="60"/>
      <c r="O104" s="61"/>
      <c r="P104" s="187"/>
      <c r="Q104" s="180"/>
      <c r="R104" s="33"/>
      <c r="S104" s="61"/>
      <c r="T104" s="134"/>
      <c r="U104" s="61"/>
      <c r="V104" s="59"/>
      <c r="W104" s="60"/>
      <c r="X104" s="60"/>
      <c r="Y104" s="60"/>
      <c r="Z104" s="135"/>
      <c r="AA104" s="27"/>
      <c r="AB104" s="27"/>
      <c r="AC104" s="27"/>
      <c r="AD104" s="28"/>
      <c r="AE104" s="29"/>
      <c r="AF104" s="29"/>
      <c r="AG104" s="29"/>
      <c r="AH104" s="27"/>
      <c r="AI104" s="27"/>
      <c r="AJ104" s="27"/>
      <c r="AK104" s="27"/>
      <c r="AL104" s="28"/>
      <c r="AM104" s="29"/>
      <c r="AN104" s="29"/>
      <c r="AO104" s="30"/>
    </row>
    <row r="105" spans="1:41" s="46" customFormat="1" ht="9.75" customHeight="1">
      <c r="A105" s="57"/>
      <c r="B105" s="131"/>
      <c r="C105" s="33"/>
      <c r="D105" s="131"/>
      <c r="E105" s="33"/>
      <c r="F105" s="58"/>
      <c r="G105" s="33"/>
      <c r="H105" s="59"/>
      <c r="I105" s="33"/>
      <c r="J105" s="59"/>
      <c r="K105" s="132"/>
      <c r="L105" s="33"/>
      <c r="M105" s="133"/>
      <c r="N105" s="60"/>
      <c r="O105" s="61"/>
      <c r="P105" s="185" t="s">
        <v>102</v>
      </c>
      <c r="Q105" s="188" t="s">
        <v>103</v>
      </c>
      <c r="R105" s="48"/>
      <c r="S105" s="52"/>
      <c r="T105" s="130"/>
      <c r="U105" s="52"/>
      <c r="V105" s="50"/>
      <c r="W105" s="51"/>
      <c r="X105" s="51"/>
      <c r="Y105" s="51"/>
      <c r="Z105" s="122" t="s">
        <v>3</v>
      </c>
      <c r="AA105" s="55"/>
      <c r="AB105" s="55"/>
      <c r="AC105" s="55"/>
      <c r="AD105" s="56"/>
      <c r="AE105" s="19"/>
      <c r="AF105" s="19"/>
      <c r="AG105" s="19"/>
      <c r="AH105" s="55"/>
      <c r="AI105" s="55"/>
      <c r="AJ105" s="55"/>
      <c r="AK105" s="55"/>
      <c r="AL105" s="56"/>
      <c r="AM105" s="19"/>
      <c r="AN105" s="19"/>
      <c r="AO105" s="26"/>
    </row>
    <row r="106" spans="1:41" s="46" customFormat="1" ht="9.75" customHeight="1">
      <c r="A106" s="57"/>
      <c r="B106" s="131"/>
      <c r="C106" s="33"/>
      <c r="D106" s="131"/>
      <c r="E106" s="33"/>
      <c r="F106" s="58"/>
      <c r="G106" s="33"/>
      <c r="H106" s="59"/>
      <c r="I106" s="33"/>
      <c r="J106" s="59"/>
      <c r="K106" s="132"/>
      <c r="L106" s="33"/>
      <c r="M106" s="133"/>
      <c r="N106" s="60"/>
      <c r="O106" s="61"/>
      <c r="P106" s="186"/>
      <c r="Q106" s="179"/>
      <c r="R106" s="33"/>
      <c r="S106" s="61" t="s">
        <v>1177</v>
      </c>
      <c r="T106" s="134" t="s">
        <v>1178</v>
      </c>
      <c r="U106" s="61"/>
      <c r="V106" s="59" t="s">
        <v>30</v>
      </c>
      <c r="W106" s="60" t="s">
        <v>30</v>
      </c>
      <c r="X106" s="60" t="s">
        <v>30</v>
      </c>
      <c r="Y106" s="60" t="s">
        <v>1179</v>
      </c>
      <c r="Z106" s="135"/>
      <c r="AA106" s="27"/>
      <c r="AB106" s="27"/>
      <c r="AC106" s="27"/>
      <c r="AD106" s="28"/>
      <c r="AE106" s="29"/>
      <c r="AF106" s="29"/>
      <c r="AG106" s="29"/>
      <c r="AH106" s="27"/>
      <c r="AI106" s="27"/>
      <c r="AJ106" s="27"/>
      <c r="AK106" s="27"/>
      <c r="AL106" s="28"/>
      <c r="AM106" s="29"/>
      <c r="AN106" s="29"/>
      <c r="AO106" s="30"/>
    </row>
    <row r="107" spans="1:41" s="46" customFormat="1" ht="9.75" customHeight="1">
      <c r="A107" s="57"/>
      <c r="B107" s="131"/>
      <c r="C107" s="33"/>
      <c r="D107" s="131"/>
      <c r="E107" s="33"/>
      <c r="F107" s="58"/>
      <c r="G107" s="33"/>
      <c r="H107" s="59"/>
      <c r="I107" s="33"/>
      <c r="J107" s="59"/>
      <c r="K107" s="132"/>
      <c r="L107" s="33"/>
      <c r="M107" s="133"/>
      <c r="N107" s="60"/>
      <c r="O107" s="61"/>
      <c r="P107" s="187"/>
      <c r="Q107" s="180"/>
      <c r="R107" s="33"/>
      <c r="S107" s="61"/>
      <c r="T107" s="134"/>
      <c r="U107" s="61"/>
      <c r="V107" s="59"/>
      <c r="W107" s="60"/>
      <c r="X107" s="60"/>
      <c r="Y107" s="60"/>
      <c r="Z107" s="135"/>
      <c r="AA107" s="27"/>
      <c r="AB107" s="27"/>
      <c r="AC107" s="27"/>
      <c r="AD107" s="28"/>
      <c r="AE107" s="29"/>
      <c r="AF107" s="29"/>
      <c r="AG107" s="29"/>
      <c r="AH107" s="27"/>
      <c r="AI107" s="27"/>
      <c r="AJ107" s="27"/>
      <c r="AK107" s="27"/>
      <c r="AL107" s="28"/>
      <c r="AM107" s="29"/>
      <c r="AN107" s="29"/>
      <c r="AO107" s="30"/>
    </row>
    <row r="108" spans="1:41" s="46" customFormat="1" ht="9.75" customHeight="1">
      <c r="A108" s="57"/>
      <c r="B108" s="131"/>
      <c r="C108" s="33"/>
      <c r="D108" s="131"/>
      <c r="E108" s="33"/>
      <c r="F108" s="58"/>
      <c r="G108" s="33"/>
      <c r="H108" s="59"/>
      <c r="I108" s="33"/>
      <c r="J108" s="59"/>
      <c r="K108" s="132"/>
      <c r="L108" s="33"/>
      <c r="M108" s="133"/>
      <c r="N108" s="60"/>
      <c r="O108" s="61"/>
      <c r="P108" s="185" t="s">
        <v>592</v>
      </c>
      <c r="Q108" s="188" t="s">
        <v>593</v>
      </c>
      <c r="R108" s="48"/>
      <c r="S108" s="52"/>
      <c r="T108" s="130"/>
      <c r="U108" s="52"/>
      <c r="V108" s="50"/>
      <c r="W108" s="51"/>
      <c r="X108" s="51"/>
      <c r="Y108" s="51"/>
      <c r="Z108" s="122" t="s">
        <v>3</v>
      </c>
      <c r="AA108" s="55"/>
      <c r="AB108" s="55"/>
      <c r="AC108" s="55"/>
      <c r="AD108" s="56"/>
      <c r="AE108" s="19"/>
      <c r="AF108" s="19"/>
      <c r="AG108" s="19"/>
      <c r="AH108" s="55"/>
      <c r="AI108" s="55"/>
      <c r="AJ108" s="55"/>
      <c r="AK108" s="55"/>
      <c r="AL108" s="56"/>
      <c r="AM108" s="19"/>
      <c r="AN108" s="19"/>
      <c r="AO108" s="26"/>
    </row>
    <row r="109" spans="1:41" s="46" customFormat="1" ht="9.75" customHeight="1">
      <c r="A109" s="57"/>
      <c r="B109" s="131"/>
      <c r="C109" s="33"/>
      <c r="D109" s="131"/>
      <c r="E109" s="33"/>
      <c r="F109" s="58"/>
      <c r="G109" s="33"/>
      <c r="H109" s="59"/>
      <c r="I109" s="33"/>
      <c r="J109" s="59"/>
      <c r="K109" s="132"/>
      <c r="L109" s="33"/>
      <c r="M109" s="133"/>
      <c r="N109" s="60"/>
      <c r="O109" s="61"/>
      <c r="P109" s="186"/>
      <c r="Q109" s="179"/>
      <c r="R109" s="33"/>
      <c r="S109" s="61" t="s">
        <v>1180</v>
      </c>
      <c r="T109" s="134" t="s">
        <v>1181</v>
      </c>
      <c r="U109" s="61"/>
      <c r="V109" s="59" t="s">
        <v>30</v>
      </c>
      <c r="W109" s="60" t="s">
        <v>30</v>
      </c>
      <c r="X109" s="60" t="s">
        <v>30</v>
      </c>
      <c r="Y109" s="60" t="s">
        <v>1182</v>
      </c>
      <c r="Z109" s="135"/>
      <c r="AA109" s="27"/>
      <c r="AB109" s="27"/>
      <c r="AC109" s="27"/>
      <c r="AD109" s="28"/>
      <c r="AE109" s="29"/>
      <c r="AF109" s="29"/>
      <c r="AG109" s="29"/>
      <c r="AH109" s="27"/>
      <c r="AI109" s="27"/>
      <c r="AJ109" s="27"/>
      <c r="AK109" s="27"/>
      <c r="AL109" s="28"/>
      <c r="AM109" s="29"/>
      <c r="AN109" s="29"/>
      <c r="AO109" s="30"/>
    </row>
    <row r="110" spans="1:41" s="46" customFormat="1" ht="9.75" customHeight="1">
      <c r="A110" s="57"/>
      <c r="B110" s="131"/>
      <c r="C110" s="33"/>
      <c r="D110" s="131"/>
      <c r="E110" s="33"/>
      <c r="F110" s="58"/>
      <c r="G110" s="33"/>
      <c r="H110" s="59"/>
      <c r="I110" s="33"/>
      <c r="J110" s="59"/>
      <c r="K110" s="132"/>
      <c r="L110" s="33"/>
      <c r="M110" s="133"/>
      <c r="N110" s="60"/>
      <c r="O110" s="61"/>
      <c r="P110" s="187"/>
      <c r="Q110" s="180"/>
      <c r="R110" s="33"/>
      <c r="S110" s="61"/>
      <c r="T110" s="134"/>
      <c r="U110" s="61"/>
      <c r="V110" s="59"/>
      <c r="W110" s="60"/>
      <c r="X110" s="60"/>
      <c r="Y110" s="60"/>
      <c r="Z110" s="135"/>
      <c r="AA110" s="27"/>
      <c r="AB110" s="27"/>
      <c r="AC110" s="27"/>
      <c r="AD110" s="28"/>
      <c r="AE110" s="29"/>
      <c r="AF110" s="29"/>
      <c r="AG110" s="29"/>
      <c r="AH110" s="27"/>
      <c r="AI110" s="27"/>
      <c r="AJ110" s="27"/>
      <c r="AK110" s="27"/>
      <c r="AL110" s="28"/>
      <c r="AM110" s="29"/>
      <c r="AN110" s="29"/>
      <c r="AO110" s="30"/>
    </row>
    <row r="111" spans="1:41" s="46" customFormat="1" ht="9.75" customHeight="1">
      <c r="A111" s="57"/>
      <c r="B111" s="141"/>
      <c r="C111" s="33"/>
      <c r="D111" s="34"/>
      <c r="E111" s="175" t="s">
        <v>52</v>
      </c>
      <c r="F111" s="188" t="s">
        <v>1183</v>
      </c>
      <c r="G111" s="48"/>
      <c r="H111" s="50"/>
      <c r="I111" s="48"/>
      <c r="J111" s="50"/>
      <c r="K111" s="128"/>
      <c r="L111" s="48"/>
      <c r="M111" s="129"/>
      <c r="N111" s="51"/>
      <c r="O111" s="52"/>
      <c r="P111" s="52"/>
      <c r="Q111" s="76"/>
      <c r="R111" s="48"/>
      <c r="S111" s="52"/>
      <c r="T111" s="130"/>
      <c r="U111" s="52"/>
      <c r="V111" s="50"/>
      <c r="W111" s="51"/>
      <c r="X111" s="51"/>
      <c r="Y111" s="51"/>
      <c r="Z111" s="122" t="s">
        <v>3</v>
      </c>
      <c r="AA111" s="55"/>
      <c r="AB111" s="55"/>
      <c r="AC111" s="55"/>
      <c r="AD111" s="56"/>
      <c r="AE111" s="19"/>
      <c r="AF111" s="19"/>
      <c r="AG111" s="19"/>
      <c r="AH111" s="55"/>
      <c r="AI111" s="55"/>
      <c r="AJ111" s="55"/>
      <c r="AK111" s="55"/>
      <c r="AL111" s="56"/>
      <c r="AM111" s="19"/>
      <c r="AN111" s="19"/>
      <c r="AO111" s="26"/>
    </row>
    <row r="112" spans="1:41" s="46" customFormat="1" ht="9.75" customHeight="1">
      <c r="A112" s="57"/>
      <c r="B112" s="141"/>
      <c r="C112" s="33"/>
      <c r="D112" s="141"/>
      <c r="E112" s="176"/>
      <c r="F112" s="179"/>
      <c r="G112" s="33"/>
      <c r="H112" s="59" t="s">
        <v>1184</v>
      </c>
      <c r="I112" s="33" t="s">
        <v>133</v>
      </c>
      <c r="J112" s="59" t="s">
        <v>1185</v>
      </c>
      <c r="K112" s="132" t="s">
        <v>30</v>
      </c>
      <c r="L112" s="33"/>
      <c r="M112" s="133" t="s">
        <v>30</v>
      </c>
      <c r="N112" s="60" t="s">
        <v>1186</v>
      </c>
      <c r="O112" s="61"/>
      <c r="P112" s="61"/>
      <c r="Q112" s="58"/>
      <c r="R112" s="33"/>
      <c r="S112" s="61"/>
      <c r="T112" s="134" t="s">
        <v>1187</v>
      </c>
      <c r="U112" s="61"/>
      <c r="V112" s="59" t="s">
        <v>30</v>
      </c>
      <c r="W112" s="60" t="s">
        <v>30</v>
      </c>
      <c r="X112" s="60" t="s">
        <v>30</v>
      </c>
      <c r="Y112" s="60" t="s">
        <v>1188</v>
      </c>
      <c r="Z112" s="135"/>
      <c r="AA112" s="27"/>
      <c r="AB112" s="27"/>
      <c r="AC112" s="27"/>
      <c r="AD112" s="28"/>
      <c r="AE112" s="29"/>
      <c r="AF112" s="29"/>
      <c r="AG112" s="29"/>
      <c r="AH112" s="27"/>
      <c r="AI112" s="27"/>
      <c r="AJ112" s="27"/>
      <c r="AK112" s="27"/>
      <c r="AL112" s="28"/>
      <c r="AM112" s="29"/>
      <c r="AN112" s="29"/>
      <c r="AO112" s="30"/>
    </row>
    <row r="113" spans="1:41" s="46" customFormat="1" ht="9.75" customHeight="1">
      <c r="A113" s="57"/>
      <c r="B113" s="141"/>
      <c r="C113" s="33"/>
      <c r="D113" s="141"/>
      <c r="E113" s="176"/>
      <c r="F113" s="179"/>
      <c r="G113" s="33"/>
      <c r="H113" s="59"/>
      <c r="I113" s="33"/>
      <c r="J113" s="59"/>
      <c r="K113" s="132"/>
      <c r="L113" s="33"/>
      <c r="M113" s="133"/>
      <c r="N113" s="60"/>
      <c r="O113" s="61"/>
      <c r="P113" s="61"/>
      <c r="Q113" s="58"/>
      <c r="R113" s="33"/>
      <c r="S113" s="61"/>
      <c r="T113" s="134"/>
      <c r="U113" s="61"/>
      <c r="V113" s="59"/>
      <c r="W113" s="60"/>
      <c r="X113" s="60"/>
      <c r="Y113" s="60"/>
      <c r="Z113" s="135"/>
      <c r="AA113" s="27"/>
      <c r="AB113" s="27"/>
      <c r="AC113" s="27"/>
      <c r="AD113" s="28"/>
      <c r="AE113" s="29"/>
      <c r="AF113" s="29"/>
      <c r="AG113" s="29"/>
      <c r="AH113" s="27"/>
      <c r="AI113" s="27"/>
      <c r="AJ113" s="27"/>
      <c r="AK113" s="27"/>
      <c r="AL113" s="28"/>
      <c r="AM113" s="29"/>
      <c r="AN113" s="29"/>
      <c r="AO113" s="30"/>
    </row>
    <row r="114" spans="1:41" s="46" customFormat="1" ht="9.75" customHeight="1">
      <c r="A114" s="57"/>
      <c r="B114" s="131"/>
      <c r="C114" s="33"/>
      <c r="D114" s="141"/>
      <c r="E114" s="33"/>
      <c r="F114" s="34"/>
      <c r="G114" s="33"/>
      <c r="H114" s="59"/>
      <c r="I114" s="33"/>
      <c r="J114" s="59"/>
      <c r="K114" s="132"/>
      <c r="L114" s="33"/>
      <c r="M114" s="133"/>
      <c r="N114" s="60"/>
      <c r="O114" s="61"/>
      <c r="P114" s="185" t="s">
        <v>307</v>
      </c>
      <c r="Q114" s="178" t="s">
        <v>308</v>
      </c>
      <c r="R114" s="48"/>
      <c r="S114" s="52"/>
      <c r="T114" s="130"/>
      <c r="U114" s="52"/>
      <c r="V114" s="50"/>
      <c r="W114" s="51"/>
      <c r="X114" s="51"/>
      <c r="Y114" s="51"/>
      <c r="Z114" s="122" t="s">
        <v>3</v>
      </c>
      <c r="AA114" s="55"/>
      <c r="AB114" s="55"/>
      <c r="AC114" s="55"/>
      <c r="AD114" s="56"/>
      <c r="AE114" s="19"/>
      <c r="AF114" s="19"/>
      <c r="AG114" s="19"/>
      <c r="AH114" s="55"/>
      <c r="AI114" s="55"/>
      <c r="AJ114" s="55"/>
      <c r="AK114" s="55"/>
      <c r="AL114" s="56"/>
      <c r="AM114" s="19"/>
      <c r="AN114" s="19"/>
      <c r="AO114" s="26"/>
    </row>
    <row r="115" spans="1:41" s="46" customFormat="1" ht="9.75" customHeight="1">
      <c r="A115" s="57"/>
      <c r="B115" s="131"/>
      <c r="C115" s="33"/>
      <c r="D115" s="141"/>
      <c r="E115" s="33"/>
      <c r="F115" s="34"/>
      <c r="G115" s="33"/>
      <c r="H115" s="59"/>
      <c r="I115" s="33"/>
      <c r="J115" s="59"/>
      <c r="K115" s="132"/>
      <c r="L115" s="33"/>
      <c r="M115" s="133"/>
      <c r="N115" s="60"/>
      <c r="O115" s="61"/>
      <c r="P115" s="186"/>
      <c r="Q115" s="179"/>
      <c r="R115" s="33"/>
      <c r="S115" s="61" t="s">
        <v>1186</v>
      </c>
      <c r="T115" s="134" t="s">
        <v>1187</v>
      </c>
      <c r="U115" s="61"/>
      <c r="V115" s="59" t="s">
        <v>30</v>
      </c>
      <c r="W115" s="60" t="s">
        <v>30</v>
      </c>
      <c r="X115" s="60" t="s">
        <v>30</v>
      </c>
      <c r="Y115" s="60" t="s">
        <v>1188</v>
      </c>
      <c r="Z115" s="135"/>
      <c r="AA115" s="27"/>
      <c r="AB115" s="27"/>
      <c r="AC115" s="27"/>
      <c r="AD115" s="28"/>
      <c r="AE115" s="29"/>
      <c r="AF115" s="29"/>
      <c r="AG115" s="29"/>
      <c r="AH115" s="27"/>
      <c r="AI115" s="27"/>
      <c r="AJ115" s="27"/>
      <c r="AK115" s="27"/>
      <c r="AL115" s="28"/>
      <c r="AM115" s="29"/>
      <c r="AN115" s="29"/>
      <c r="AO115" s="30"/>
    </row>
    <row r="116" spans="1:41" s="46" customFormat="1" ht="9.75" customHeight="1">
      <c r="A116" s="57"/>
      <c r="B116" s="131"/>
      <c r="C116" s="33"/>
      <c r="D116" s="141"/>
      <c r="E116" s="33"/>
      <c r="F116" s="34"/>
      <c r="G116" s="33"/>
      <c r="H116" s="59"/>
      <c r="I116" s="33"/>
      <c r="J116" s="59"/>
      <c r="K116" s="132"/>
      <c r="L116" s="33"/>
      <c r="M116" s="133"/>
      <c r="N116" s="60"/>
      <c r="O116" s="61"/>
      <c r="P116" s="187"/>
      <c r="Q116" s="180"/>
      <c r="R116" s="33"/>
      <c r="S116" s="61"/>
      <c r="T116" s="134"/>
      <c r="U116" s="61"/>
      <c r="V116" s="59"/>
      <c r="W116" s="60"/>
      <c r="X116" s="60"/>
      <c r="Y116" s="60"/>
      <c r="Z116" s="135"/>
      <c r="AA116" s="27"/>
      <c r="AB116" s="27"/>
      <c r="AC116" s="27"/>
      <c r="AD116" s="28"/>
      <c r="AE116" s="29"/>
      <c r="AF116" s="29"/>
      <c r="AG116" s="29"/>
      <c r="AH116" s="27"/>
      <c r="AI116" s="27"/>
      <c r="AJ116" s="27"/>
      <c r="AK116" s="27"/>
      <c r="AL116" s="28"/>
      <c r="AM116" s="29"/>
      <c r="AN116" s="29"/>
      <c r="AO116" s="30"/>
    </row>
    <row r="117" spans="1:41" s="46" customFormat="1" ht="9.75" customHeight="1">
      <c r="A117" s="57"/>
      <c r="B117" s="141"/>
      <c r="C117" s="33"/>
      <c r="D117" s="34"/>
      <c r="E117" s="175" t="s">
        <v>57</v>
      </c>
      <c r="F117" s="188" t="s">
        <v>1189</v>
      </c>
      <c r="G117" s="48"/>
      <c r="H117" s="50"/>
      <c r="I117" s="48"/>
      <c r="J117" s="50"/>
      <c r="K117" s="128"/>
      <c r="L117" s="48"/>
      <c r="M117" s="129"/>
      <c r="N117" s="51"/>
      <c r="O117" s="52"/>
      <c r="P117" s="52"/>
      <c r="Q117" s="76"/>
      <c r="R117" s="48"/>
      <c r="S117" s="52"/>
      <c r="T117" s="130"/>
      <c r="U117" s="52"/>
      <c r="V117" s="50"/>
      <c r="W117" s="51"/>
      <c r="X117" s="51"/>
      <c r="Y117" s="51"/>
      <c r="Z117" s="122" t="s">
        <v>3</v>
      </c>
      <c r="AA117" s="55"/>
      <c r="AB117" s="55"/>
      <c r="AC117" s="55"/>
      <c r="AD117" s="56"/>
      <c r="AE117" s="19"/>
      <c r="AF117" s="19"/>
      <c r="AG117" s="19"/>
      <c r="AH117" s="55"/>
      <c r="AI117" s="55"/>
      <c r="AJ117" s="55"/>
      <c r="AK117" s="55"/>
      <c r="AL117" s="56"/>
      <c r="AM117" s="19"/>
      <c r="AN117" s="19"/>
      <c r="AO117" s="26"/>
    </row>
    <row r="118" spans="1:41" s="46" customFormat="1" ht="9.75" customHeight="1">
      <c r="A118" s="57"/>
      <c r="B118" s="141"/>
      <c r="C118" s="33"/>
      <c r="D118" s="141"/>
      <c r="E118" s="176"/>
      <c r="F118" s="179"/>
      <c r="G118" s="33"/>
      <c r="H118" s="59" t="s">
        <v>1190</v>
      </c>
      <c r="I118" s="33" t="s">
        <v>133</v>
      </c>
      <c r="J118" s="59" t="s">
        <v>347</v>
      </c>
      <c r="K118" s="132" t="s">
        <v>30</v>
      </c>
      <c r="L118" s="33"/>
      <c r="M118" s="133" t="s">
        <v>30</v>
      </c>
      <c r="N118" s="60" t="s">
        <v>1191</v>
      </c>
      <c r="O118" s="61"/>
      <c r="P118" s="61"/>
      <c r="Q118" s="58"/>
      <c r="R118" s="33"/>
      <c r="S118" s="61"/>
      <c r="T118" s="134" t="s">
        <v>1192</v>
      </c>
      <c r="U118" s="61"/>
      <c r="V118" s="59" t="s">
        <v>30</v>
      </c>
      <c r="W118" s="60" t="s">
        <v>30</v>
      </c>
      <c r="X118" s="60" t="s">
        <v>30</v>
      </c>
      <c r="Y118" s="60" t="s">
        <v>1193</v>
      </c>
      <c r="Z118" s="135"/>
      <c r="AA118" s="27"/>
      <c r="AB118" s="27"/>
      <c r="AC118" s="27"/>
      <c r="AD118" s="28"/>
      <c r="AE118" s="29"/>
      <c r="AF118" s="29"/>
      <c r="AG118" s="29"/>
      <c r="AH118" s="27"/>
      <c r="AI118" s="27"/>
      <c r="AJ118" s="27"/>
      <c r="AK118" s="27"/>
      <c r="AL118" s="28"/>
      <c r="AM118" s="29"/>
      <c r="AN118" s="29"/>
      <c r="AO118" s="30"/>
    </row>
    <row r="119" spans="1:41" s="46" customFormat="1" ht="9.75" customHeight="1">
      <c r="A119" s="57"/>
      <c r="B119" s="141"/>
      <c r="C119" s="33"/>
      <c r="D119" s="141"/>
      <c r="E119" s="176"/>
      <c r="F119" s="179"/>
      <c r="G119" s="33"/>
      <c r="H119" s="59"/>
      <c r="I119" s="33"/>
      <c r="J119" s="59"/>
      <c r="K119" s="132"/>
      <c r="L119" s="33"/>
      <c r="M119" s="133"/>
      <c r="N119" s="60"/>
      <c r="O119" s="61"/>
      <c r="P119" s="61"/>
      <c r="Q119" s="58"/>
      <c r="R119" s="33"/>
      <c r="S119" s="61"/>
      <c r="T119" s="134"/>
      <c r="U119" s="61"/>
      <c r="V119" s="59"/>
      <c r="W119" s="60"/>
      <c r="X119" s="60"/>
      <c r="Y119" s="60"/>
      <c r="Z119" s="135"/>
      <c r="AA119" s="27"/>
      <c r="AB119" s="27"/>
      <c r="AC119" s="27"/>
      <c r="AD119" s="28"/>
      <c r="AE119" s="29"/>
      <c r="AF119" s="29"/>
      <c r="AG119" s="29"/>
      <c r="AH119" s="27"/>
      <c r="AI119" s="27"/>
      <c r="AJ119" s="27"/>
      <c r="AK119" s="27"/>
      <c r="AL119" s="28"/>
      <c r="AM119" s="29"/>
      <c r="AN119" s="29"/>
      <c r="AO119" s="30"/>
    </row>
    <row r="120" spans="1:41" s="46" customFormat="1" ht="9.75" customHeight="1">
      <c r="A120" s="57"/>
      <c r="B120" s="131"/>
      <c r="C120" s="33"/>
      <c r="D120" s="141"/>
      <c r="E120" s="33"/>
      <c r="F120" s="34"/>
      <c r="G120" s="33"/>
      <c r="H120" s="59"/>
      <c r="I120" s="33"/>
      <c r="J120" s="59"/>
      <c r="K120" s="132"/>
      <c r="L120" s="33"/>
      <c r="M120" s="133"/>
      <c r="N120" s="60"/>
      <c r="O120" s="61"/>
      <c r="P120" s="185" t="s">
        <v>102</v>
      </c>
      <c r="Q120" s="188" t="s">
        <v>103</v>
      </c>
      <c r="R120" s="48"/>
      <c r="S120" s="52"/>
      <c r="T120" s="130"/>
      <c r="U120" s="52"/>
      <c r="V120" s="50"/>
      <c r="W120" s="51"/>
      <c r="X120" s="51"/>
      <c r="Y120" s="51"/>
      <c r="Z120" s="122" t="s">
        <v>3</v>
      </c>
      <c r="AA120" s="55"/>
      <c r="AB120" s="55"/>
      <c r="AC120" s="55"/>
      <c r="AD120" s="56"/>
      <c r="AE120" s="19"/>
      <c r="AF120" s="19"/>
      <c r="AG120" s="19"/>
      <c r="AH120" s="55"/>
      <c r="AI120" s="55"/>
      <c r="AJ120" s="55"/>
      <c r="AK120" s="55"/>
      <c r="AL120" s="56"/>
      <c r="AM120" s="19"/>
      <c r="AN120" s="19"/>
      <c r="AO120" s="26"/>
    </row>
    <row r="121" spans="1:41" s="46" customFormat="1" ht="9.75" customHeight="1">
      <c r="A121" s="57"/>
      <c r="B121" s="131"/>
      <c r="C121" s="33"/>
      <c r="D121" s="141"/>
      <c r="E121" s="33"/>
      <c r="F121" s="34"/>
      <c r="G121" s="33"/>
      <c r="H121" s="59"/>
      <c r="I121" s="33"/>
      <c r="J121" s="59"/>
      <c r="K121" s="132"/>
      <c r="L121" s="33"/>
      <c r="M121" s="133"/>
      <c r="N121" s="60"/>
      <c r="O121" s="61"/>
      <c r="P121" s="186"/>
      <c r="Q121" s="179"/>
      <c r="R121" s="33"/>
      <c r="S121" s="61" t="s">
        <v>1191</v>
      </c>
      <c r="T121" s="134" t="s">
        <v>1192</v>
      </c>
      <c r="U121" s="61"/>
      <c r="V121" s="59" t="s">
        <v>30</v>
      </c>
      <c r="W121" s="60" t="s">
        <v>30</v>
      </c>
      <c r="X121" s="60" t="s">
        <v>30</v>
      </c>
      <c r="Y121" s="60" t="s">
        <v>1193</v>
      </c>
      <c r="Z121" s="135"/>
      <c r="AA121" s="27"/>
      <c r="AB121" s="27"/>
      <c r="AC121" s="27"/>
      <c r="AD121" s="28"/>
      <c r="AE121" s="29"/>
      <c r="AF121" s="29"/>
      <c r="AG121" s="29"/>
      <c r="AH121" s="27"/>
      <c r="AI121" s="27"/>
      <c r="AJ121" s="27"/>
      <c r="AK121" s="27"/>
      <c r="AL121" s="28"/>
      <c r="AM121" s="29"/>
      <c r="AN121" s="29"/>
      <c r="AO121" s="30"/>
    </row>
    <row r="122" spans="1:41" s="46" customFormat="1" ht="9.75" customHeight="1">
      <c r="A122" s="57"/>
      <c r="B122" s="131"/>
      <c r="C122" s="64"/>
      <c r="D122" s="159"/>
      <c r="E122" s="64"/>
      <c r="F122" s="77"/>
      <c r="G122" s="64"/>
      <c r="H122" s="66"/>
      <c r="I122" s="64"/>
      <c r="J122" s="66"/>
      <c r="K122" s="137"/>
      <c r="L122" s="64"/>
      <c r="M122" s="138"/>
      <c r="N122" s="67"/>
      <c r="O122" s="68"/>
      <c r="P122" s="187"/>
      <c r="Q122" s="180"/>
      <c r="R122" s="64"/>
      <c r="S122" s="68"/>
      <c r="T122" s="139"/>
      <c r="U122" s="68"/>
      <c r="V122" s="66"/>
      <c r="W122" s="67"/>
      <c r="X122" s="67"/>
      <c r="Y122" s="67"/>
      <c r="Z122" s="140"/>
      <c r="AA122" s="71"/>
      <c r="AB122" s="71"/>
      <c r="AC122" s="71"/>
      <c r="AD122" s="72"/>
      <c r="AE122" s="73"/>
      <c r="AF122" s="73"/>
      <c r="AG122" s="73"/>
      <c r="AH122" s="71"/>
      <c r="AI122" s="71"/>
      <c r="AJ122" s="71"/>
      <c r="AK122" s="71"/>
      <c r="AL122" s="72"/>
      <c r="AM122" s="73"/>
      <c r="AN122" s="73"/>
      <c r="AO122" s="74"/>
    </row>
    <row r="123" spans="1:41" s="46" customFormat="1" ht="9.75" customHeight="1">
      <c r="A123" s="57"/>
      <c r="B123" s="34"/>
      <c r="C123" s="175" t="s">
        <v>36</v>
      </c>
      <c r="D123" s="178" t="s">
        <v>175</v>
      </c>
      <c r="E123" s="48"/>
      <c r="F123" s="49"/>
      <c r="G123" s="48"/>
      <c r="H123" s="50"/>
      <c r="I123" s="48"/>
      <c r="J123" s="50"/>
      <c r="K123" s="128"/>
      <c r="L123" s="48"/>
      <c r="M123" s="129"/>
      <c r="N123" s="51"/>
      <c r="O123" s="52"/>
      <c r="P123" s="52"/>
      <c r="Q123" s="76"/>
      <c r="R123" s="48"/>
      <c r="S123" s="52"/>
      <c r="T123" s="130"/>
      <c r="U123" s="52"/>
      <c r="V123" s="50"/>
      <c r="W123" s="51"/>
      <c r="X123" s="51"/>
      <c r="Y123" s="51"/>
      <c r="Z123" s="122" t="s">
        <v>3</v>
      </c>
      <c r="AA123" s="55"/>
      <c r="AB123" s="55"/>
      <c r="AC123" s="55"/>
      <c r="AD123" s="56"/>
      <c r="AE123" s="19"/>
      <c r="AF123" s="19"/>
      <c r="AG123" s="19"/>
      <c r="AH123" s="55"/>
      <c r="AI123" s="55"/>
      <c r="AJ123" s="55"/>
      <c r="AK123" s="55"/>
      <c r="AL123" s="56"/>
      <c r="AM123" s="19"/>
      <c r="AN123" s="19"/>
      <c r="AO123" s="26"/>
    </row>
    <row r="124" spans="1:41" s="46" customFormat="1" ht="9.75" customHeight="1">
      <c r="A124" s="57"/>
      <c r="B124" s="141"/>
      <c r="C124" s="176"/>
      <c r="D124" s="179"/>
      <c r="E124" s="33"/>
      <c r="F124" s="34"/>
      <c r="G124" s="33"/>
      <c r="H124" s="59" t="s">
        <v>127</v>
      </c>
      <c r="I124" s="33"/>
      <c r="J124" s="59" t="s">
        <v>1194</v>
      </c>
      <c r="K124" s="132" t="s">
        <v>30</v>
      </c>
      <c r="L124" s="33"/>
      <c r="M124" s="133" t="s">
        <v>30</v>
      </c>
      <c r="N124" s="60" t="s">
        <v>1195</v>
      </c>
      <c r="O124" s="61"/>
      <c r="P124" s="61"/>
      <c r="Q124" s="58"/>
      <c r="R124" s="33"/>
      <c r="S124" s="61"/>
      <c r="T124" s="134" t="s">
        <v>1196</v>
      </c>
      <c r="U124" s="61"/>
      <c r="V124" s="59" t="s">
        <v>30</v>
      </c>
      <c r="W124" s="60" t="s">
        <v>30</v>
      </c>
      <c r="X124" s="60" t="s">
        <v>30</v>
      </c>
      <c r="Y124" s="60" t="s">
        <v>1197</v>
      </c>
      <c r="Z124" s="135"/>
      <c r="AA124" s="27"/>
      <c r="AB124" s="27"/>
      <c r="AC124" s="27"/>
      <c r="AD124" s="28"/>
      <c r="AE124" s="29"/>
      <c r="AF124" s="29"/>
      <c r="AG124" s="29"/>
      <c r="AH124" s="27"/>
      <c r="AI124" s="27"/>
      <c r="AJ124" s="27"/>
      <c r="AK124" s="27"/>
      <c r="AL124" s="28"/>
      <c r="AM124" s="29"/>
      <c r="AN124" s="29"/>
      <c r="AO124" s="30"/>
    </row>
    <row r="125" spans="1:41" s="46" customFormat="1" ht="9.75" customHeight="1">
      <c r="A125" s="57"/>
      <c r="B125" s="141"/>
      <c r="C125" s="176"/>
      <c r="D125" s="179"/>
      <c r="E125" s="33"/>
      <c r="F125" s="34"/>
      <c r="G125" s="33"/>
      <c r="H125" s="59"/>
      <c r="I125" s="33"/>
      <c r="J125" s="59"/>
      <c r="K125" s="132"/>
      <c r="L125" s="33"/>
      <c r="M125" s="133"/>
      <c r="N125" s="60"/>
      <c r="O125" s="61"/>
      <c r="P125" s="61"/>
      <c r="Q125" s="58"/>
      <c r="R125" s="33"/>
      <c r="S125" s="61"/>
      <c r="T125" s="134"/>
      <c r="U125" s="61"/>
      <c r="V125" s="59"/>
      <c r="W125" s="60"/>
      <c r="X125" s="60"/>
      <c r="Y125" s="60"/>
      <c r="Z125" s="135"/>
      <c r="AA125" s="27"/>
      <c r="AB125" s="27"/>
      <c r="AC125" s="27"/>
      <c r="AD125" s="28"/>
      <c r="AE125" s="29"/>
      <c r="AF125" s="29"/>
      <c r="AG125" s="29"/>
      <c r="AH125" s="27"/>
      <c r="AI125" s="27"/>
      <c r="AJ125" s="27"/>
      <c r="AK125" s="27"/>
      <c r="AL125" s="28"/>
      <c r="AM125" s="29"/>
      <c r="AN125" s="29"/>
      <c r="AO125" s="30"/>
    </row>
    <row r="126" spans="1:41" s="46" customFormat="1" ht="9.75" customHeight="1">
      <c r="A126" s="57"/>
      <c r="B126" s="131"/>
      <c r="C126" s="33"/>
      <c r="D126" s="34"/>
      <c r="E126" s="175" t="s">
        <v>21</v>
      </c>
      <c r="F126" s="178" t="s">
        <v>168</v>
      </c>
      <c r="G126" s="48"/>
      <c r="H126" s="50"/>
      <c r="I126" s="48"/>
      <c r="J126" s="50"/>
      <c r="K126" s="128"/>
      <c r="L126" s="48"/>
      <c r="M126" s="129"/>
      <c r="N126" s="51"/>
      <c r="O126" s="52"/>
      <c r="P126" s="52"/>
      <c r="Q126" s="76"/>
      <c r="R126" s="48"/>
      <c r="S126" s="52"/>
      <c r="T126" s="130"/>
      <c r="U126" s="52"/>
      <c r="V126" s="50"/>
      <c r="W126" s="51"/>
      <c r="X126" s="51"/>
      <c r="Y126" s="51"/>
      <c r="Z126" s="122" t="s">
        <v>3</v>
      </c>
      <c r="AA126" s="55"/>
      <c r="AB126" s="55"/>
      <c r="AC126" s="55"/>
      <c r="AD126" s="56"/>
      <c r="AE126" s="19"/>
      <c r="AF126" s="19"/>
      <c r="AG126" s="19"/>
      <c r="AH126" s="55"/>
      <c r="AI126" s="55"/>
      <c r="AJ126" s="55"/>
      <c r="AK126" s="55"/>
      <c r="AL126" s="56"/>
      <c r="AM126" s="19"/>
      <c r="AN126" s="19"/>
      <c r="AO126" s="26"/>
    </row>
    <row r="127" spans="1:41" s="46" customFormat="1" ht="9.75" customHeight="1">
      <c r="A127" s="57"/>
      <c r="B127" s="131"/>
      <c r="C127" s="33"/>
      <c r="D127" s="141"/>
      <c r="E127" s="176"/>
      <c r="F127" s="179"/>
      <c r="G127" s="33"/>
      <c r="H127" s="59" t="s">
        <v>127</v>
      </c>
      <c r="I127" s="33"/>
      <c r="J127" s="59" t="s">
        <v>1194</v>
      </c>
      <c r="K127" s="132" t="s">
        <v>30</v>
      </c>
      <c r="L127" s="33"/>
      <c r="M127" s="133" t="s">
        <v>30</v>
      </c>
      <c r="N127" s="60" t="s">
        <v>1195</v>
      </c>
      <c r="O127" s="61"/>
      <c r="P127" s="61"/>
      <c r="Q127" s="34"/>
      <c r="R127" s="33"/>
      <c r="S127" s="61"/>
      <c r="T127" s="134" t="s">
        <v>1196</v>
      </c>
      <c r="U127" s="61"/>
      <c r="V127" s="59" t="s">
        <v>30</v>
      </c>
      <c r="W127" s="60" t="s">
        <v>30</v>
      </c>
      <c r="X127" s="60" t="s">
        <v>30</v>
      </c>
      <c r="Y127" s="60" t="s">
        <v>1197</v>
      </c>
      <c r="Z127" s="135"/>
      <c r="AA127" s="27"/>
      <c r="AB127" s="27"/>
      <c r="AC127" s="27"/>
      <c r="AD127" s="28"/>
      <c r="AE127" s="29"/>
      <c r="AF127" s="29"/>
      <c r="AG127" s="29"/>
      <c r="AH127" s="27"/>
      <c r="AI127" s="27"/>
      <c r="AJ127" s="27"/>
      <c r="AK127" s="27"/>
      <c r="AL127" s="28"/>
      <c r="AM127" s="29"/>
      <c r="AN127" s="29"/>
      <c r="AO127" s="30"/>
    </row>
    <row r="128" spans="1:41" s="46" customFormat="1" ht="9.75" customHeight="1">
      <c r="A128" s="57"/>
      <c r="B128" s="131"/>
      <c r="C128" s="33"/>
      <c r="D128" s="141"/>
      <c r="E128" s="176"/>
      <c r="F128" s="179"/>
      <c r="G128" s="33"/>
      <c r="H128" s="59"/>
      <c r="I128" s="33"/>
      <c r="J128" s="59"/>
      <c r="K128" s="132"/>
      <c r="L128" s="33"/>
      <c r="M128" s="133"/>
      <c r="N128" s="60"/>
      <c r="O128" s="61"/>
      <c r="P128" s="61"/>
      <c r="Q128" s="34"/>
      <c r="R128" s="33"/>
      <c r="S128" s="61"/>
      <c r="T128" s="134"/>
      <c r="U128" s="61"/>
      <c r="V128" s="59"/>
      <c r="W128" s="60"/>
      <c r="X128" s="60"/>
      <c r="Y128" s="60"/>
      <c r="Z128" s="135"/>
      <c r="AA128" s="27"/>
      <c r="AB128" s="27"/>
      <c r="AC128" s="27"/>
      <c r="AD128" s="28"/>
      <c r="AE128" s="29"/>
      <c r="AF128" s="29"/>
      <c r="AG128" s="29"/>
      <c r="AH128" s="27"/>
      <c r="AI128" s="27"/>
      <c r="AJ128" s="27"/>
      <c r="AK128" s="27"/>
      <c r="AL128" s="28"/>
      <c r="AM128" s="29"/>
      <c r="AN128" s="29"/>
      <c r="AO128" s="30"/>
    </row>
    <row r="129" spans="1:41" s="46" customFormat="1" ht="9.75" customHeight="1">
      <c r="A129" s="57"/>
      <c r="B129" s="131"/>
      <c r="C129" s="33"/>
      <c r="D129" s="131"/>
      <c r="E129" s="33"/>
      <c r="F129" s="34"/>
      <c r="G129" s="33"/>
      <c r="H129" s="59"/>
      <c r="I129" s="33"/>
      <c r="J129" s="59"/>
      <c r="K129" s="132"/>
      <c r="L129" s="33"/>
      <c r="M129" s="133"/>
      <c r="N129" s="60"/>
      <c r="O129" s="61"/>
      <c r="P129" s="185" t="s">
        <v>174</v>
      </c>
      <c r="Q129" s="178" t="s">
        <v>175</v>
      </c>
      <c r="R129" s="48"/>
      <c r="S129" s="52"/>
      <c r="T129" s="130"/>
      <c r="U129" s="52"/>
      <c r="V129" s="50"/>
      <c r="W129" s="51"/>
      <c r="X129" s="51"/>
      <c r="Y129" s="51"/>
      <c r="Z129" s="122" t="s">
        <v>3</v>
      </c>
      <c r="AA129" s="55"/>
      <c r="AB129" s="55"/>
      <c r="AC129" s="55"/>
      <c r="AD129" s="56"/>
      <c r="AE129" s="19"/>
      <c r="AF129" s="19"/>
      <c r="AG129" s="19"/>
      <c r="AH129" s="55"/>
      <c r="AI129" s="55"/>
      <c r="AJ129" s="55"/>
      <c r="AK129" s="55"/>
      <c r="AL129" s="56"/>
      <c r="AM129" s="19"/>
      <c r="AN129" s="19"/>
      <c r="AO129" s="26"/>
    </row>
    <row r="130" spans="1:41" s="46" customFormat="1" ht="9.75" customHeight="1">
      <c r="A130" s="57"/>
      <c r="B130" s="131"/>
      <c r="C130" s="33"/>
      <c r="D130" s="131"/>
      <c r="E130" s="33"/>
      <c r="F130" s="34"/>
      <c r="G130" s="33"/>
      <c r="H130" s="59"/>
      <c r="I130" s="33"/>
      <c r="J130" s="59"/>
      <c r="K130" s="132"/>
      <c r="L130" s="33"/>
      <c r="M130" s="133"/>
      <c r="N130" s="60"/>
      <c r="O130" s="61"/>
      <c r="P130" s="186"/>
      <c r="Q130" s="179"/>
      <c r="R130" s="33"/>
      <c r="S130" s="61" t="s">
        <v>1195</v>
      </c>
      <c r="T130" s="134" t="s">
        <v>1196</v>
      </c>
      <c r="U130" s="61"/>
      <c r="V130" s="59" t="s">
        <v>30</v>
      </c>
      <c r="W130" s="60" t="s">
        <v>30</v>
      </c>
      <c r="X130" s="60" t="s">
        <v>30</v>
      </c>
      <c r="Y130" s="60" t="s">
        <v>1197</v>
      </c>
      <c r="Z130" s="135"/>
      <c r="AA130" s="27"/>
      <c r="AB130" s="27"/>
      <c r="AC130" s="27"/>
      <c r="AD130" s="28"/>
      <c r="AE130" s="29"/>
      <c r="AF130" s="29"/>
      <c r="AG130" s="29"/>
      <c r="AH130" s="27"/>
      <c r="AI130" s="27"/>
      <c r="AJ130" s="27"/>
      <c r="AK130" s="27"/>
      <c r="AL130" s="28"/>
      <c r="AM130" s="29"/>
      <c r="AN130" s="29"/>
      <c r="AO130" s="30"/>
    </row>
    <row r="131" spans="1:41" s="46" customFormat="1" ht="9.75" customHeight="1">
      <c r="A131" s="57"/>
      <c r="B131" s="131"/>
      <c r="C131" s="64"/>
      <c r="D131" s="136"/>
      <c r="E131" s="64"/>
      <c r="F131" s="77"/>
      <c r="G131" s="64"/>
      <c r="H131" s="66"/>
      <c r="I131" s="64"/>
      <c r="J131" s="66"/>
      <c r="K131" s="137"/>
      <c r="L131" s="64"/>
      <c r="M131" s="138"/>
      <c r="N131" s="67"/>
      <c r="O131" s="68"/>
      <c r="P131" s="187"/>
      <c r="Q131" s="180"/>
      <c r="R131" s="64"/>
      <c r="S131" s="68"/>
      <c r="T131" s="139"/>
      <c r="U131" s="68"/>
      <c r="V131" s="66"/>
      <c r="W131" s="67"/>
      <c r="X131" s="67"/>
      <c r="Y131" s="67"/>
      <c r="Z131" s="140"/>
      <c r="AA131" s="71"/>
      <c r="AB131" s="71"/>
      <c r="AC131" s="71"/>
      <c r="AD131" s="72"/>
      <c r="AE131" s="73"/>
      <c r="AF131" s="73"/>
      <c r="AG131" s="73"/>
      <c r="AH131" s="71"/>
      <c r="AI131" s="71"/>
      <c r="AJ131" s="71"/>
      <c r="AK131" s="71"/>
      <c r="AL131" s="72"/>
      <c r="AM131" s="73"/>
      <c r="AN131" s="73"/>
      <c r="AO131" s="74"/>
    </row>
    <row r="132" spans="1:41" s="46" customFormat="1" ht="9.75" customHeight="1">
      <c r="A132" s="57"/>
      <c r="B132" s="34"/>
      <c r="C132" s="175" t="s">
        <v>52</v>
      </c>
      <c r="D132" s="178" t="s">
        <v>118</v>
      </c>
      <c r="E132" s="48"/>
      <c r="F132" s="49"/>
      <c r="G132" s="48"/>
      <c r="H132" s="50"/>
      <c r="I132" s="48"/>
      <c r="J132" s="50"/>
      <c r="K132" s="128"/>
      <c r="L132" s="48"/>
      <c r="M132" s="129"/>
      <c r="N132" s="51"/>
      <c r="O132" s="52"/>
      <c r="P132" s="52"/>
      <c r="Q132" s="76"/>
      <c r="R132" s="48"/>
      <c r="S132" s="52"/>
      <c r="T132" s="130"/>
      <c r="U132" s="52"/>
      <c r="V132" s="50"/>
      <c r="W132" s="51"/>
      <c r="X132" s="51"/>
      <c r="Y132" s="51"/>
      <c r="Z132" s="122" t="s">
        <v>3</v>
      </c>
      <c r="AA132" s="55"/>
      <c r="AB132" s="55"/>
      <c r="AC132" s="55"/>
      <c r="AD132" s="56"/>
      <c r="AE132" s="19"/>
      <c r="AF132" s="19"/>
      <c r="AG132" s="19"/>
      <c r="AH132" s="55"/>
      <c r="AI132" s="55"/>
      <c r="AJ132" s="55"/>
      <c r="AK132" s="55"/>
      <c r="AL132" s="56"/>
      <c r="AM132" s="19"/>
      <c r="AN132" s="19"/>
      <c r="AO132" s="26"/>
    </row>
    <row r="133" spans="1:41" s="46" customFormat="1" ht="9.75" customHeight="1">
      <c r="A133" s="57"/>
      <c r="B133" s="141"/>
      <c r="C133" s="176"/>
      <c r="D133" s="179"/>
      <c r="E133" s="33"/>
      <c r="F133" s="34"/>
      <c r="G133" s="33"/>
      <c r="H133" s="59" t="s">
        <v>1198</v>
      </c>
      <c r="I133" s="33" t="s">
        <v>133</v>
      </c>
      <c r="J133" s="59" t="s">
        <v>1199</v>
      </c>
      <c r="K133" s="132" t="s">
        <v>30</v>
      </c>
      <c r="L133" s="33"/>
      <c r="M133" s="133" t="s">
        <v>30</v>
      </c>
      <c r="N133" s="60" t="s">
        <v>203</v>
      </c>
      <c r="O133" s="61"/>
      <c r="P133" s="61"/>
      <c r="Q133" s="58"/>
      <c r="R133" s="33"/>
      <c r="S133" s="61"/>
      <c r="T133" s="134" t="s">
        <v>204</v>
      </c>
      <c r="U133" s="61"/>
      <c r="V133" s="59" t="s">
        <v>30</v>
      </c>
      <c r="W133" s="60" t="s">
        <v>30</v>
      </c>
      <c r="X133" s="60" t="s">
        <v>30</v>
      </c>
      <c r="Y133" s="60" t="s">
        <v>1200</v>
      </c>
      <c r="Z133" s="135"/>
      <c r="AA133" s="27"/>
      <c r="AB133" s="27"/>
      <c r="AC133" s="27"/>
      <c r="AD133" s="28"/>
      <c r="AE133" s="29"/>
      <c r="AF133" s="29"/>
      <c r="AG133" s="29"/>
      <c r="AH133" s="27"/>
      <c r="AI133" s="27"/>
      <c r="AJ133" s="27"/>
      <c r="AK133" s="27"/>
      <c r="AL133" s="28"/>
      <c r="AM133" s="29"/>
      <c r="AN133" s="29"/>
      <c r="AO133" s="30"/>
    </row>
    <row r="134" spans="1:41" s="46" customFormat="1" ht="9.75" customHeight="1">
      <c r="A134" s="57"/>
      <c r="B134" s="141"/>
      <c r="C134" s="176"/>
      <c r="D134" s="179"/>
      <c r="E134" s="33"/>
      <c r="F134" s="34"/>
      <c r="G134" s="33"/>
      <c r="H134" s="59"/>
      <c r="I134" s="33"/>
      <c r="J134" s="59"/>
      <c r="K134" s="132"/>
      <c r="L134" s="33"/>
      <c r="M134" s="133"/>
      <c r="N134" s="60"/>
      <c r="O134" s="61"/>
      <c r="P134" s="61"/>
      <c r="Q134" s="58"/>
      <c r="R134" s="33"/>
      <c r="S134" s="61"/>
      <c r="T134" s="134"/>
      <c r="U134" s="61"/>
      <c r="V134" s="59"/>
      <c r="W134" s="60"/>
      <c r="X134" s="60"/>
      <c r="Y134" s="60"/>
      <c r="Z134" s="135"/>
      <c r="AA134" s="27"/>
      <c r="AB134" s="27"/>
      <c r="AC134" s="27"/>
      <c r="AD134" s="28"/>
      <c r="AE134" s="29"/>
      <c r="AF134" s="29"/>
      <c r="AG134" s="29"/>
      <c r="AH134" s="27"/>
      <c r="AI134" s="27"/>
      <c r="AJ134" s="27"/>
      <c r="AK134" s="27"/>
      <c r="AL134" s="28"/>
      <c r="AM134" s="29"/>
      <c r="AN134" s="29"/>
      <c r="AO134" s="30"/>
    </row>
    <row r="135" spans="1:41" s="46" customFormat="1" ht="9.75" customHeight="1">
      <c r="A135" s="57"/>
      <c r="B135" s="131"/>
      <c r="C135" s="33"/>
      <c r="D135" s="34"/>
      <c r="E135" s="175" t="s">
        <v>21</v>
      </c>
      <c r="F135" s="178" t="s">
        <v>122</v>
      </c>
      <c r="G135" s="48"/>
      <c r="H135" s="50"/>
      <c r="I135" s="48"/>
      <c r="J135" s="50"/>
      <c r="K135" s="128"/>
      <c r="L135" s="48"/>
      <c r="M135" s="129"/>
      <c r="N135" s="51"/>
      <c r="O135" s="52"/>
      <c r="P135" s="52"/>
      <c r="Q135" s="76"/>
      <c r="R135" s="48"/>
      <c r="S135" s="52"/>
      <c r="T135" s="130"/>
      <c r="U135" s="52"/>
      <c r="V135" s="50"/>
      <c r="W135" s="51"/>
      <c r="X135" s="51"/>
      <c r="Y135" s="51"/>
      <c r="Z135" s="122" t="s">
        <v>3</v>
      </c>
      <c r="AA135" s="55"/>
      <c r="AB135" s="55"/>
      <c r="AC135" s="55"/>
      <c r="AD135" s="56"/>
      <c r="AE135" s="19"/>
      <c r="AF135" s="19"/>
      <c r="AG135" s="19"/>
      <c r="AH135" s="55"/>
      <c r="AI135" s="55"/>
      <c r="AJ135" s="55"/>
      <c r="AK135" s="55"/>
      <c r="AL135" s="56"/>
      <c r="AM135" s="19"/>
      <c r="AN135" s="19"/>
      <c r="AO135" s="26"/>
    </row>
    <row r="136" spans="1:41" s="46" customFormat="1" ht="9.75" customHeight="1">
      <c r="A136" s="57"/>
      <c r="B136" s="131"/>
      <c r="C136" s="33"/>
      <c r="D136" s="141"/>
      <c r="E136" s="176"/>
      <c r="F136" s="179"/>
      <c r="G136" s="33"/>
      <c r="H136" s="59" t="s">
        <v>1201</v>
      </c>
      <c r="I136" s="33"/>
      <c r="J136" s="59" t="s">
        <v>30</v>
      </c>
      <c r="K136" s="132" t="s">
        <v>30</v>
      </c>
      <c r="L136" s="33"/>
      <c r="M136" s="133" t="s">
        <v>30</v>
      </c>
      <c r="N136" s="60" t="s">
        <v>1201</v>
      </c>
      <c r="O136" s="61"/>
      <c r="P136" s="61"/>
      <c r="Q136" s="34"/>
      <c r="R136" s="33"/>
      <c r="S136" s="61"/>
      <c r="T136" s="134" t="s">
        <v>1202</v>
      </c>
      <c r="U136" s="61"/>
      <c r="V136" s="59" t="s">
        <v>30</v>
      </c>
      <c r="W136" s="60" t="s">
        <v>30</v>
      </c>
      <c r="X136" s="60" t="s">
        <v>30</v>
      </c>
      <c r="Y136" s="60" t="s">
        <v>1203</v>
      </c>
      <c r="Z136" s="135"/>
      <c r="AA136" s="27"/>
      <c r="AB136" s="27"/>
      <c r="AC136" s="27"/>
      <c r="AD136" s="28"/>
      <c r="AE136" s="29"/>
      <c r="AF136" s="29"/>
      <c r="AG136" s="29"/>
      <c r="AH136" s="27"/>
      <c r="AI136" s="27"/>
      <c r="AJ136" s="27"/>
      <c r="AK136" s="27"/>
      <c r="AL136" s="28"/>
      <c r="AM136" s="29"/>
      <c r="AN136" s="29"/>
      <c r="AO136" s="30"/>
    </row>
    <row r="137" spans="1:41" s="46" customFormat="1" ht="9.75" customHeight="1">
      <c r="A137" s="57"/>
      <c r="B137" s="131"/>
      <c r="C137" s="33"/>
      <c r="D137" s="141"/>
      <c r="E137" s="176"/>
      <c r="F137" s="179"/>
      <c r="G137" s="33"/>
      <c r="H137" s="59"/>
      <c r="I137" s="33"/>
      <c r="J137" s="59"/>
      <c r="K137" s="132"/>
      <c r="L137" s="33"/>
      <c r="M137" s="133"/>
      <c r="N137" s="60"/>
      <c r="O137" s="61"/>
      <c r="P137" s="61"/>
      <c r="Q137" s="34"/>
      <c r="R137" s="33"/>
      <c r="S137" s="61"/>
      <c r="T137" s="134"/>
      <c r="U137" s="61"/>
      <c r="V137" s="59"/>
      <c r="W137" s="60"/>
      <c r="X137" s="60"/>
      <c r="Y137" s="60"/>
      <c r="Z137" s="135"/>
      <c r="AA137" s="27"/>
      <c r="AB137" s="27"/>
      <c r="AC137" s="27"/>
      <c r="AD137" s="28"/>
      <c r="AE137" s="29"/>
      <c r="AF137" s="29"/>
      <c r="AG137" s="29"/>
      <c r="AH137" s="27"/>
      <c r="AI137" s="27"/>
      <c r="AJ137" s="27"/>
      <c r="AK137" s="27"/>
      <c r="AL137" s="28"/>
      <c r="AM137" s="29"/>
      <c r="AN137" s="29"/>
      <c r="AO137" s="30"/>
    </row>
    <row r="138" spans="1:41" s="46" customFormat="1" ht="9.75" customHeight="1">
      <c r="A138" s="57"/>
      <c r="B138" s="131"/>
      <c r="C138" s="33"/>
      <c r="D138" s="131"/>
      <c r="E138" s="33"/>
      <c r="F138" s="34"/>
      <c r="G138" s="33"/>
      <c r="H138" s="59"/>
      <c r="I138" s="33"/>
      <c r="J138" s="59"/>
      <c r="K138" s="132"/>
      <c r="L138" s="33"/>
      <c r="M138" s="133"/>
      <c r="N138" s="60"/>
      <c r="O138" s="61"/>
      <c r="P138" s="185" t="s">
        <v>124</v>
      </c>
      <c r="Q138" s="178" t="s">
        <v>125</v>
      </c>
      <c r="R138" s="48"/>
      <c r="S138" s="52"/>
      <c r="T138" s="130"/>
      <c r="U138" s="52"/>
      <c r="V138" s="50"/>
      <c r="W138" s="51"/>
      <c r="X138" s="51"/>
      <c r="Y138" s="51"/>
      <c r="Z138" s="122" t="s">
        <v>3</v>
      </c>
      <c r="AA138" s="55"/>
      <c r="AB138" s="55"/>
      <c r="AC138" s="55"/>
      <c r="AD138" s="56"/>
      <c r="AE138" s="19"/>
      <c r="AF138" s="19"/>
      <c r="AG138" s="19"/>
      <c r="AH138" s="55"/>
      <c r="AI138" s="55"/>
      <c r="AJ138" s="55"/>
      <c r="AK138" s="55"/>
      <c r="AL138" s="56"/>
      <c r="AM138" s="19"/>
      <c r="AN138" s="19"/>
      <c r="AO138" s="26"/>
    </row>
    <row r="139" spans="1:41" s="46" customFormat="1" ht="9.75" customHeight="1">
      <c r="A139" s="57"/>
      <c r="B139" s="131"/>
      <c r="C139" s="33"/>
      <c r="D139" s="131"/>
      <c r="E139" s="33"/>
      <c r="F139" s="34"/>
      <c r="G139" s="33"/>
      <c r="H139" s="59"/>
      <c r="I139" s="33"/>
      <c r="J139" s="59"/>
      <c r="K139" s="132"/>
      <c r="L139" s="33"/>
      <c r="M139" s="133"/>
      <c r="N139" s="60"/>
      <c r="O139" s="61"/>
      <c r="P139" s="186"/>
      <c r="Q139" s="179"/>
      <c r="R139" s="33"/>
      <c r="S139" s="61" t="s">
        <v>1201</v>
      </c>
      <c r="T139" s="134" t="s">
        <v>1202</v>
      </c>
      <c r="U139" s="61"/>
      <c r="V139" s="59" t="s">
        <v>30</v>
      </c>
      <c r="W139" s="60" t="s">
        <v>30</v>
      </c>
      <c r="X139" s="60" t="s">
        <v>30</v>
      </c>
      <c r="Y139" s="60" t="s">
        <v>1203</v>
      </c>
      <c r="Z139" s="135"/>
      <c r="AA139" s="27"/>
      <c r="AB139" s="27"/>
      <c r="AC139" s="27"/>
      <c r="AD139" s="28"/>
      <c r="AE139" s="29"/>
      <c r="AF139" s="29"/>
      <c r="AG139" s="29"/>
      <c r="AH139" s="27"/>
      <c r="AI139" s="27"/>
      <c r="AJ139" s="27"/>
      <c r="AK139" s="27"/>
      <c r="AL139" s="28"/>
      <c r="AM139" s="29"/>
      <c r="AN139" s="29"/>
      <c r="AO139" s="30"/>
    </row>
    <row r="140" spans="1:41" s="46" customFormat="1" ht="9.75" customHeight="1">
      <c r="A140" s="57"/>
      <c r="B140" s="131"/>
      <c r="C140" s="33"/>
      <c r="D140" s="131"/>
      <c r="E140" s="33"/>
      <c r="F140" s="34"/>
      <c r="G140" s="33"/>
      <c r="H140" s="59"/>
      <c r="I140" s="33"/>
      <c r="J140" s="59"/>
      <c r="K140" s="132"/>
      <c r="L140" s="33"/>
      <c r="M140" s="133"/>
      <c r="N140" s="60"/>
      <c r="O140" s="61"/>
      <c r="P140" s="187"/>
      <c r="Q140" s="180"/>
      <c r="R140" s="33"/>
      <c r="S140" s="61"/>
      <c r="T140" s="134"/>
      <c r="U140" s="61"/>
      <c r="V140" s="59"/>
      <c r="W140" s="60"/>
      <c r="X140" s="60"/>
      <c r="Y140" s="60"/>
      <c r="Z140" s="135"/>
      <c r="AA140" s="27"/>
      <c r="AB140" s="27"/>
      <c r="AC140" s="27"/>
      <c r="AD140" s="28"/>
      <c r="AE140" s="29"/>
      <c r="AF140" s="29"/>
      <c r="AG140" s="29"/>
      <c r="AH140" s="27"/>
      <c r="AI140" s="27"/>
      <c r="AJ140" s="27"/>
      <c r="AK140" s="27"/>
      <c r="AL140" s="28"/>
      <c r="AM140" s="29"/>
      <c r="AN140" s="29"/>
      <c r="AO140" s="30"/>
    </row>
    <row r="141" spans="1:41" s="46" customFormat="1" ht="9.75" customHeight="1">
      <c r="A141" s="57"/>
      <c r="B141" s="141"/>
      <c r="C141" s="33"/>
      <c r="D141" s="34"/>
      <c r="E141" s="175" t="s">
        <v>36</v>
      </c>
      <c r="F141" s="178" t="s">
        <v>147</v>
      </c>
      <c r="G141" s="48"/>
      <c r="H141" s="50"/>
      <c r="I141" s="48"/>
      <c r="J141" s="50"/>
      <c r="K141" s="128"/>
      <c r="L141" s="48"/>
      <c r="M141" s="129"/>
      <c r="N141" s="51"/>
      <c r="O141" s="52"/>
      <c r="P141" s="52"/>
      <c r="Q141" s="76"/>
      <c r="R141" s="48"/>
      <c r="S141" s="52"/>
      <c r="T141" s="130"/>
      <c r="U141" s="52"/>
      <c r="V141" s="50"/>
      <c r="W141" s="51"/>
      <c r="X141" s="51"/>
      <c r="Y141" s="51"/>
      <c r="Z141" s="122" t="s">
        <v>3</v>
      </c>
      <c r="AA141" s="55"/>
      <c r="AB141" s="55"/>
      <c r="AC141" s="55"/>
      <c r="AD141" s="56"/>
      <c r="AE141" s="19"/>
      <c r="AF141" s="19"/>
      <c r="AG141" s="19"/>
      <c r="AH141" s="55"/>
      <c r="AI141" s="55"/>
      <c r="AJ141" s="55"/>
      <c r="AK141" s="55"/>
      <c r="AL141" s="56"/>
      <c r="AM141" s="19"/>
      <c r="AN141" s="19"/>
      <c r="AO141" s="26"/>
    </row>
    <row r="142" spans="1:41" s="46" customFormat="1" ht="9.75" customHeight="1">
      <c r="A142" s="57"/>
      <c r="B142" s="141"/>
      <c r="C142" s="33"/>
      <c r="D142" s="141"/>
      <c r="E142" s="176"/>
      <c r="F142" s="179"/>
      <c r="G142" s="33"/>
      <c r="H142" s="59" t="s">
        <v>1204</v>
      </c>
      <c r="I142" s="33" t="s">
        <v>133</v>
      </c>
      <c r="J142" s="59" t="s">
        <v>1205</v>
      </c>
      <c r="K142" s="132" t="s">
        <v>30</v>
      </c>
      <c r="L142" s="33"/>
      <c r="M142" s="133" t="s">
        <v>30</v>
      </c>
      <c r="N142" s="60" t="s">
        <v>1206</v>
      </c>
      <c r="O142" s="61"/>
      <c r="P142" s="61"/>
      <c r="Q142" s="58"/>
      <c r="R142" s="33"/>
      <c r="S142" s="61"/>
      <c r="T142" s="134" t="s">
        <v>1207</v>
      </c>
      <c r="U142" s="61"/>
      <c r="V142" s="59" t="s">
        <v>30</v>
      </c>
      <c r="W142" s="60" t="s">
        <v>30</v>
      </c>
      <c r="X142" s="60" t="s">
        <v>30</v>
      </c>
      <c r="Y142" s="60" t="s">
        <v>1208</v>
      </c>
      <c r="Z142" s="135"/>
      <c r="AA142" s="27"/>
      <c r="AB142" s="27"/>
      <c r="AC142" s="27"/>
      <c r="AD142" s="28"/>
      <c r="AE142" s="29"/>
      <c r="AF142" s="29"/>
      <c r="AG142" s="29"/>
      <c r="AH142" s="27"/>
      <c r="AI142" s="27"/>
      <c r="AJ142" s="27"/>
      <c r="AK142" s="27"/>
      <c r="AL142" s="28"/>
      <c r="AM142" s="29"/>
      <c r="AN142" s="29"/>
      <c r="AO142" s="30"/>
    </row>
    <row r="143" spans="1:41" s="46" customFormat="1" ht="9.75" customHeight="1">
      <c r="A143" s="57"/>
      <c r="B143" s="141"/>
      <c r="C143" s="33"/>
      <c r="D143" s="141"/>
      <c r="E143" s="176"/>
      <c r="F143" s="179"/>
      <c r="G143" s="33"/>
      <c r="H143" s="59"/>
      <c r="I143" s="33"/>
      <c r="J143" s="59"/>
      <c r="K143" s="132"/>
      <c r="L143" s="33"/>
      <c r="M143" s="133"/>
      <c r="N143" s="60"/>
      <c r="O143" s="61"/>
      <c r="P143" s="61"/>
      <c r="Q143" s="58"/>
      <c r="R143" s="33"/>
      <c r="S143" s="61"/>
      <c r="T143" s="134"/>
      <c r="U143" s="61"/>
      <c r="V143" s="59"/>
      <c r="W143" s="60"/>
      <c r="X143" s="60"/>
      <c r="Y143" s="60"/>
      <c r="Z143" s="135"/>
      <c r="AA143" s="27"/>
      <c r="AB143" s="27"/>
      <c r="AC143" s="27"/>
      <c r="AD143" s="28"/>
      <c r="AE143" s="29"/>
      <c r="AF143" s="29"/>
      <c r="AG143" s="29"/>
      <c r="AH143" s="27"/>
      <c r="AI143" s="27"/>
      <c r="AJ143" s="27"/>
      <c r="AK143" s="27"/>
      <c r="AL143" s="28"/>
      <c r="AM143" s="29"/>
      <c r="AN143" s="29"/>
      <c r="AO143" s="30"/>
    </row>
    <row r="144" spans="1:41" s="46" customFormat="1" ht="9.75" customHeight="1">
      <c r="A144" s="57"/>
      <c r="B144" s="131"/>
      <c r="C144" s="33"/>
      <c r="D144" s="141"/>
      <c r="E144" s="33"/>
      <c r="F144" s="34"/>
      <c r="G144" s="33"/>
      <c r="H144" s="59"/>
      <c r="I144" s="33"/>
      <c r="J144" s="59"/>
      <c r="K144" s="132"/>
      <c r="L144" s="33"/>
      <c r="M144" s="133"/>
      <c r="N144" s="60"/>
      <c r="O144" s="61"/>
      <c r="P144" s="185" t="s">
        <v>124</v>
      </c>
      <c r="Q144" s="178" t="s">
        <v>125</v>
      </c>
      <c r="R144" s="48"/>
      <c r="S144" s="52"/>
      <c r="T144" s="130"/>
      <c r="U144" s="52"/>
      <c r="V144" s="50"/>
      <c r="W144" s="51"/>
      <c r="X144" s="51"/>
      <c r="Y144" s="51"/>
      <c r="Z144" s="122" t="s">
        <v>3</v>
      </c>
      <c r="AA144" s="55"/>
      <c r="AB144" s="55"/>
      <c r="AC144" s="55"/>
      <c r="AD144" s="56"/>
      <c r="AE144" s="19"/>
      <c r="AF144" s="19"/>
      <c r="AG144" s="19"/>
      <c r="AH144" s="55"/>
      <c r="AI144" s="55"/>
      <c r="AJ144" s="55"/>
      <c r="AK144" s="55"/>
      <c r="AL144" s="56"/>
      <c r="AM144" s="19"/>
      <c r="AN144" s="19"/>
      <c r="AO144" s="26"/>
    </row>
    <row r="145" spans="1:41" s="46" customFormat="1" ht="9.75" customHeight="1">
      <c r="A145" s="57"/>
      <c r="B145" s="131"/>
      <c r="C145" s="33"/>
      <c r="D145" s="141"/>
      <c r="E145" s="33"/>
      <c r="F145" s="34"/>
      <c r="G145" s="33"/>
      <c r="H145" s="59"/>
      <c r="I145" s="33"/>
      <c r="J145" s="59"/>
      <c r="K145" s="132"/>
      <c r="L145" s="33"/>
      <c r="M145" s="133"/>
      <c r="N145" s="60"/>
      <c r="O145" s="61"/>
      <c r="P145" s="186"/>
      <c r="Q145" s="179"/>
      <c r="R145" s="33"/>
      <c r="S145" s="61" t="s">
        <v>1206</v>
      </c>
      <c r="T145" s="134" t="s">
        <v>1207</v>
      </c>
      <c r="U145" s="61"/>
      <c r="V145" s="59" t="s">
        <v>30</v>
      </c>
      <c r="W145" s="60" t="s">
        <v>30</v>
      </c>
      <c r="X145" s="60" t="s">
        <v>30</v>
      </c>
      <c r="Y145" s="60" t="s">
        <v>1208</v>
      </c>
      <c r="Z145" s="135"/>
      <c r="AA145" s="27"/>
      <c r="AB145" s="27"/>
      <c r="AC145" s="27"/>
      <c r="AD145" s="28"/>
      <c r="AE145" s="29"/>
      <c r="AF145" s="29"/>
      <c r="AG145" s="29"/>
      <c r="AH145" s="27"/>
      <c r="AI145" s="27"/>
      <c r="AJ145" s="27"/>
      <c r="AK145" s="27"/>
      <c r="AL145" s="28"/>
      <c r="AM145" s="29"/>
      <c r="AN145" s="29"/>
      <c r="AO145" s="30"/>
    </row>
    <row r="146" spans="1:41" s="46" customFormat="1" ht="9.75" customHeight="1">
      <c r="A146" s="57"/>
      <c r="B146" s="131"/>
      <c r="C146" s="33"/>
      <c r="D146" s="141"/>
      <c r="E146" s="33"/>
      <c r="F146" s="34"/>
      <c r="G146" s="33"/>
      <c r="H146" s="59"/>
      <c r="I146" s="33"/>
      <c r="J146" s="59"/>
      <c r="K146" s="132"/>
      <c r="L146" s="33"/>
      <c r="M146" s="133"/>
      <c r="N146" s="60"/>
      <c r="O146" s="61"/>
      <c r="P146" s="187"/>
      <c r="Q146" s="180"/>
      <c r="R146" s="33"/>
      <c r="S146" s="61"/>
      <c r="T146" s="134"/>
      <c r="U146" s="61"/>
      <c r="V146" s="59"/>
      <c r="W146" s="60"/>
      <c r="X146" s="60"/>
      <c r="Y146" s="60"/>
      <c r="Z146" s="135"/>
      <c r="AA146" s="27"/>
      <c r="AB146" s="27"/>
      <c r="AC146" s="27"/>
      <c r="AD146" s="28"/>
      <c r="AE146" s="29"/>
      <c r="AF146" s="29"/>
      <c r="AG146" s="29"/>
      <c r="AH146" s="27"/>
      <c r="AI146" s="27"/>
      <c r="AJ146" s="27"/>
      <c r="AK146" s="27"/>
      <c r="AL146" s="28"/>
      <c r="AM146" s="29"/>
      <c r="AN146" s="29"/>
      <c r="AO146" s="30"/>
    </row>
    <row r="147" spans="1:41" s="46" customFormat="1" ht="9.75" customHeight="1">
      <c r="A147" s="57"/>
      <c r="B147" s="141"/>
      <c r="C147" s="33"/>
      <c r="D147" s="34"/>
      <c r="E147" s="175" t="s">
        <v>52</v>
      </c>
      <c r="F147" s="178" t="s">
        <v>126</v>
      </c>
      <c r="G147" s="48"/>
      <c r="H147" s="50"/>
      <c r="I147" s="48"/>
      <c r="J147" s="50"/>
      <c r="K147" s="128"/>
      <c r="L147" s="48"/>
      <c r="M147" s="129"/>
      <c r="N147" s="51"/>
      <c r="O147" s="52"/>
      <c r="P147" s="52"/>
      <c r="Q147" s="76"/>
      <c r="R147" s="48"/>
      <c r="S147" s="52"/>
      <c r="T147" s="130"/>
      <c r="U147" s="52"/>
      <c r="V147" s="50"/>
      <c r="W147" s="51"/>
      <c r="X147" s="51"/>
      <c r="Y147" s="51"/>
      <c r="Z147" s="122" t="s">
        <v>3</v>
      </c>
      <c r="AA147" s="55"/>
      <c r="AB147" s="55"/>
      <c r="AC147" s="55"/>
      <c r="AD147" s="56"/>
      <c r="AE147" s="19"/>
      <c r="AF147" s="19"/>
      <c r="AG147" s="19"/>
      <c r="AH147" s="55"/>
      <c r="AI147" s="55"/>
      <c r="AJ147" s="55"/>
      <c r="AK147" s="55"/>
      <c r="AL147" s="56"/>
      <c r="AM147" s="19"/>
      <c r="AN147" s="19"/>
      <c r="AO147" s="26"/>
    </row>
    <row r="148" spans="1:41" s="46" customFormat="1" ht="9.75" customHeight="1">
      <c r="A148" s="57"/>
      <c r="B148" s="141"/>
      <c r="C148" s="33"/>
      <c r="D148" s="141"/>
      <c r="E148" s="176"/>
      <c r="F148" s="179"/>
      <c r="G148" s="33"/>
      <c r="H148" s="59" t="s">
        <v>1209</v>
      </c>
      <c r="I148" s="33" t="s">
        <v>133</v>
      </c>
      <c r="J148" s="59" t="s">
        <v>1210</v>
      </c>
      <c r="K148" s="132" t="s">
        <v>30</v>
      </c>
      <c r="L148" s="33"/>
      <c r="M148" s="133" t="s">
        <v>30</v>
      </c>
      <c r="N148" s="60" t="s">
        <v>1211</v>
      </c>
      <c r="O148" s="61"/>
      <c r="P148" s="61"/>
      <c r="Q148" s="58"/>
      <c r="R148" s="33"/>
      <c r="S148" s="61"/>
      <c r="T148" s="134" t="s">
        <v>1212</v>
      </c>
      <c r="U148" s="61"/>
      <c r="V148" s="59" t="s">
        <v>30</v>
      </c>
      <c r="W148" s="60" t="s">
        <v>30</v>
      </c>
      <c r="X148" s="60" t="s">
        <v>30</v>
      </c>
      <c r="Y148" s="60" t="s">
        <v>1213</v>
      </c>
      <c r="Z148" s="135"/>
      <c r="AA148" s="27"/>
      <c r="AB148" s="27"/>
      <c r="AC148" s="27"/>
      <c r="AD148" s="28"/>
      <c r="AE148" s="29"/>
      <c r="AF148" s="29"/>
      <c r="AG148" s="29"/>
      <c r="AH148" s="27"/>
      <c r="AI148" s="27"/>
      <c r="AJ148" s="27"/>
      <c r="AK148" s="27"/>
      <c r="AL148" s="28"/>
      <c r="AM148" s="29"/>
      <c r="AN148" s="29"/>
      <c r="AO148" s="30"/>
    </row>
    <row r="149" spans="1:41" s="46" customFormat="1" ht="9.75" customHeight="1">
      <c r="A149" s="57"/>
      <c r="B149" s="141"/>
      <c r="C149" s="33"/>
      <c r="D149" s="141"/>
      <c r="E149" s="176"/>
      <c r="F149" s="179"/>
      <c r="G149" s="33"/>
      <c r="H149" s="59"/>
      <c r="I149" s="33"/>
      <c r="J149" s="59"/>
      <c r="K149" s="132"/>
      <c r="L149" s="33"/>
      <c r="M149" s="133"/>
      <c r="N149" s="60"/>
      <c r="O149" s="61"/>
      <c r="P149" s="61"/>
      <c r="Q149" s="58"/>
      <c r="R149" s="33"/>
      <c r="S149" s="61"/>
      <c r="T149" s="134"/>
      <c r="U149" s="61"/>
      <c r="V149" s="59"/>
      <c r="W149" s="60"/>
      <c r="X149" s="60"/>
      <c r="Y149" s="60"/>
      <c r="Z149" s="135"/>
      <c r="AA149" s="27"/>
      <c r="AB149" s="27"/>
      <c r="AC149" s="27"/>
      <c r="AD149" s="28"/>
      <c r="AE149" s="29"/>
      <c r="AF149" s="29"/>
      <c r="AG149" s="29"/>
      <c r="AH149" s="27"/>
      <c r="AI149" s="27"/>
      <c r="AJ149" s="27"/>
      <c r="AK149" s="27"/>
      <c r="AL149" s="28"/>
      <c r="AM149" s="29"/>
      <c r="AN149" s="29"/>
      <c r="AO149" s="30"/>
    </row>
    <row r="150" spans="1:41" s="46" customFormat="1" ht="9.75" customHeight="1">
      <c r="A150" s="57"/>
      <c r="B150" s="131"/>
      <c r="C150" s="33"/>
      <c r="D150" s="141"/>
      <c r="E150" s="33"/>
      <c r="F150" s="34"/>
      <c r="G150" s="33"/>
      <c r="H150" s="59"/>
      <c r="I150" s="33"/>
      <c r="J150" s="59"/>
      <c r="K150" s="132"/>
      <c r="L150" s="33"/>
      <c r="M150" s="133"/>
      <c r="N150" s="60"/>
      <c r="O150" s="61"/>
      <c r="P150" s="185" t="s">
        <v>124</v>
      </c>
      <c r="Q150" s="178" t="s">
        <v>125</v>
      </c>
      <c r="R150" s="48"/>
      <c r="S150" s="52"/>
      <c r="T150" s="130"/>
      <c r="U150" s="52"/>
      <c r="V150" s="50"/>
      <c r="W150" s="51"/>
      <c r="X150" s="51"/>
      <c r="Y150" s="51"/>
      <c r="Z150" s="122" t="s">
        <v>3</v>
      </c>
      <c r="AA150" s="55"/>
      <c r="AB150" s="55"/>
      <c r="AC150" s="55"/>
      <c r="AD150" s="56"/>
      <c r="AE150" s="19"/>
      <c r="AF150" s="19"/>
      <c r="AG150" s="19"/>
      <c r="AH150" s="55"/>
      <c r="AI150" s="55"/>
      <c r="AJ150" s="55"/>
      <c r="AK150" s="55"/>
      <c r="AL150" s="56"/>
      <c r="AM150" s="19"/>
      <c r="AN150" s="19"/>
      <c r="AO150" s="26"/>
    </row>
    <row r="151" spans="1:41" s="46" customFormat="1" ht="9.75" customHeight="1">
      <c r="A151" s="57"/>
      <c r="B151" s="131"/>
      <c r="C151" s="33"/>
      <c r="D151" s="141"/>
      <c r="E151" s="33"/>
      <c r="F151" s="34"/>
      <c r="G151" s="33"/>
      <c r="H151" s="59"/>
      <c r="I151" s="33"/>
      <c r="J151" s="59"/>
      <c r="K151" s="132"/>
      <c r="L151" s="33"/>
      <c r="M151" s="133"/>
      <c r="N151" s="60"/>
      <c r="O151" s="61"/>
      <c r="P151" s="186"/>
      <c r="Q151" s="179"/>
      <c r="R151" s="33"/>
      <c r="S151" s="61" t="s">
        <v>1211</v>
      </c>
      <c r="T151" s="134" t="s">
        <v>1212</v>
      </c>
      <c r="U151" s="61"/>
      <c r="V151" s="59" t="s">
        <v>30</v>
      </c>
      <c r="W151" s="60" t="s">
        <v>30</v>
      </c>
      <c r="X151" s="60" t="s">
        <v>30</v>
      </c>
      <c r="Y151" s="60" t="s">
        <v>1213</v>
      </c>
      <c r="Z151" s="135"/>
      <c r="AA151" s="27"/>
      <c r="AB151" s="27"/>
      <c r="AC151" s="27"/>
      <c r="AD151" s="28"/>
      <c r="AE151" s="29"/>
      <c r="AF151" s="29"/>
      <c r="AG151" s="29"/>
      <c r="AH151" s="27"/>
      <c r="AI151" s="27"/>
      <c r="AJ151" s="27"/>
      <c r="AK151" s="27"/>
      <c r="AL151" s="28"/>
      <c r="AM151" s="29"/>
      <c r="AN151" s="29"/>
      <c r="AO151" s="30"/>
    </row>
    <row r="152" spans="1:41" s="46" customFormat="1" ht="9.75" customHeight="1">
      <c r="A152" s="57"/>
      <c r="B152" s="131"/>
      <c r="C152" s="64"/>
      <c r="D152" s="159"/>
      <c r="E152" s="64"/>
      <c r="F152" s="77"/>
      <c r="G152" s="64"/>
      <c r="H152" s="66"/>
      <c r="I152" s="64"/>
      <c r="J152" s="66"/>
      <c r="K152" s="137"/>
      <c r="L152" s="64"/>
      <c r="M152" s="138"/>
      <c r="N152" s="67"/>
      <c r="O152" s="68"/>
      <c r="P152" s="187"/>
      <c r="Q152" s="180"/>
      <c r="R152" s="64"/>
      <c r="S152" s="68"/>
      <c r="T152" s="139"/>
      <c r="U152" s="68"/>
      <c r="V152" s="66"/>
      <c r="W152" s="67"/>
      <c r="X152" s="67"/>
      <c r="Y152" s="67"/>
      <c r="Z152" s="140"/>
      <c r="AA152" s="71"/>
      <c r="AB152" s="71"/>
      <c r="AC152" s="71"/>
      <c r="AD152" s="72"/>
      <c r="AE152" s="73"/>
      <c r="AF152" s="73"/>
      <c r="AG152" s="73"/>
      <c r="AH152" s="71"/>
      <c r="AI152" s="71"/>
      <c r="AJ152" s="71"/>
      <c r="AK152" s="71"/>
      <c r="AL152" s="72"/>
      <c r="AM152" s="73"/>
      <c r="AN152" s="73"/>
      <c r="AO152" s="74"/>
    </row>
    <row r="153" spans="1:41" s="46" customFormat="1" ht="9.75" customHeight="1">
      <c r="A153" s="57"/>
      <c r="B153" s="34"/>
      <c r="C153" s="175" t="s">
        <v>57</v>
      </c>
      <c r="D153" s="178" t="s">
        <v>335</v>
      </c>
      <c r="E153" s="48"/>
      <c r="F153" s="49"/>
      <c r="G153" s="48"/>
      <c r="H153" s="50"/>
      <c r="I153" s="48"/>
      <c r="J153" s="50"/>
      <c r="K153" s="128"/>
      <c r="L153" s="48"/>
      <c r="M153" s="129"/>
      <c r="N153" s="51"/>
      <c r="O153" s="52"/>
      <c r="P153" s="52"/>
      <c r="Q153" s="76"/>
      <c r="R153" s="48"/>
      <c r="S153" s="52"/>
      <c r="T153" s="130"/>
      <c r="U153" s="52"/>
      <c r="V153" s="50"/>
      <c r="W153" s="51"/>
      <c r="X153" s="51"/>
      <c r="Y153" s="51"/>
      <c r="Z153" s="122" t="s">
        <v>3</v>
      </c>
      <c r="AA153" s="55"/>
      <c r="AB153" s="55"/>
      <c r="AC153" s="55"/>
      <c r="AD153" s="56"/>
      <c r="AE153" s="19"/>
      <c r="AF153" s="19"/>
      <c r="AG153" s="19"/>
      <c r="AH153" s="55"/>
      <c r="AI153" s="55"/>
      <c r="AJ153" s="55"/>
      <c r="AK153" s="55"/>
      <c r="AL153" s="56"/>
      <c r="AM153" s="19"/>
      <c r="AN153" s="19"/>
      <c r="AO153" s="26"/>
    </row>
    <row r="154" spans="1:41" s="46" customFormat="1" ht="9.75" customHeight="1">
      <c r="A154" s="57"/>
      <c r="B154" s="141"/>
      <c r="C154" s="176"/>
      <c r="D154" s="179"/>
      <c r="E154" s="33"/>
      <c r="F154" s="34"/>
      <c r="G154" s="33"/>
      <c r="H154" s="59" t="s">
        <v>1214</v>
      </c>
      <c r="I154" s="33"/>
      <c r="J154" s="59" t="s">
        <v>30</v>
      </c>
      <c r="K154" s="132" t="s">
        <v>30</v>
      </c>
      <c r="L154" s="33"/>
      <c r="M154" s="133" t="s">
        <v>30</v>
      </c>
      <c r="N154" s="60" t="s">
        <v>1214</v>
      </c>
      <c r="O154" s="61"/>
      <c r="P154" s="61"/>
      <c r="Q154" s="58"/>
      <c r="R154" s="33"/>
      <c r="S154" s="61"/>
      <c r="T154" s="134" t="s">
        <v>30</v>
      </c>
      <c r="U154" s="61"/>
      <c r="V154" s="59" t="s">
        <v>30</v>
      </c>
      <c r="W154" s="60" t="s">
        <v>30</v>
      </c>
      <c r="X154" s="60" t="s">
        <v>30</v>
      </c>
      <c r="Y154" s="60" t="s">
        <v>1214</v>
      </c>
      <c r="Z154" s="135"/>
      <c r="AA154" s="27"/>
      <c r="AB154" s="27"/>
      <c r="AC154" s="27"/>
      <c r="AD154" s="28"/>
      <c r="AE154" s="29"/>
      <c r="AF154" s="29"/>
      <c r="AG154" s="29"/>
      <c r="AH154" s="27"/>
      <c r="AI154" s="27"/>
      <c r="AJ154" s="27"/>
      <c r="AK154" s="27"/>
      <c r="AL154" s="28"/>
      <c r="AM154" s="29"/>
      <c r="AN154" s="29"/>
      <c r="AO154" s="30"/>
    </row>
    <row r="155" spans="1:41" s="46" customFormat="1" ht="9.75" customHeight="1">
      <c r="A155" s="57"/>
      <c r="B155" s="141"/>
      <c r="C155" s="176"/>
      <c r="D155" s="179"/>
      <c r="E155" s="33"/>
      <c r="F155" s="34"/>
      <c r="G155" s="33"/>
      <c r="H155" s="59"/>
      <c r="I155" s="33"/>
      <c r="J155" s="59"/>
      <c r="K155" s="132"/>
      <c r="L155" s="33"/>
      <c r="M155" s="133"/>
      <c r="N155" s="60"/>
      <c r="O155" s="61"/>
      <c r="P155" s="61"/>
      <c r="Q155" s="58"/>
      <c r="R155" s="33"/>
      <c r="S155" s="61"/>
      <c r="T155" s="134"/>
      <c r="U155" s="61"/>
      <c r="V155" s="59"/>
      <c r="W155" s="60"/>
      <c r="X155" s="60"/>
      <c r="Y155" s="60"/>
      <c r="Z155" s="135"/>
      <c r="AA155" s="27"/>
      <c r="AB155" s="27"/>
      <c r="AC155" s="27"/>
      <c r="AD155" s="28"/>
      <c r="AE155" s="29"/>
      <c r="AF155" s="29"/>
      <c r="AG155" s="29"/>
      <c r="AH155" s="27"/>
      <c r="AI155" s="27"/>
      <c r="AJ155" s="27"/>
      <c r="AK155" s="27"/>
      <c r="AL155" s="28"/>
      <c r="AM155" s="29"/>
      <c r="AN155" s="29"/>
      <c r="AO155" s="30"/>
    </row>
    <row r="156" spans="1:41" s="46" customFormat="1" ht="9.75" customHeight="1">
      <c r="A156" s="57"/>
      <c r="B156" s="131"/>
      <c r="C156" s="33"/>
      <c r="D156" s="34"/>
      <c r="E156" s="175" t="s">
        <v>21</v>
      </c>
      <c r="F156" s="178" t="s">
        <v>335</v>
      </c>
      <c r="G156" s="48"/>
      <c r="H156" s="50"/>
      <c r="I156" s="48"/>
      <c r="J156" s="50"/>
      <c r="K156" s="128"/>
      <c r="L156" s="48"/>
      <c r="M156" s="129"/>
      <c r="N156" s="51"/>
      <c r="O156" s="52"/>
      <c r="P156" s="52"/>
      <c r="Q156" s="76"/>
      <c r="R156" s="48"/>
      <c r="S156" s="52"/>
      <c r="T156" s="130"/>
      <c r="U156" s="52"/>
      <c r="V156" s="50"/>
      <c r="W156" s="51"/>
      <c r="X156" s="51"/>
      <c r="Y156" s="51"/>
      <c r="Z156" s="122" t="s">
        <v>3</v>
      </c>
      <c r="AA156" s="55"/>
      <c r="AB156" s="55"/>
      <c r="AC156" s="55"/>
      <c r="AD156" s="56"/>
      <c r="AE156" s="19"/>
      <c r="AF156" s="19"/>
      <c r="AG156" s="19"/>
      <c r="AH156" s="55"/>
      <c r="AI156" s="55"/>
      <c r="AJ156" s="55"/>
      <c r="AK156" s="55"/>
      <c r="AL156" s="56"/>
      <c r="AM156" s="19"/>
      <c r="AN156" s="19"/>
      <c r="AO156" s="26"/>
    </row>
    <row r="157" spans="1:41" s="46" customFormat="1" ht="9.75" customHeight="1">
      <c r="A157" s="57"/>
      <c r="B157" s="131"/>
      <c r="C157" s="33"/>
      <c r="D157" s="141"/>
      <c r="E157" s="176"/>
      <c r="F157" s="179"/>
      <c r="G157" s="33"/>
      <c r="H157" s="59" t="s">
        <v>1214</v>
      </c>
      <c r="I157" s="33"/>
      <c r="J157" s="59" t="s">
        <v>30</v>
      </c>
      <c r="K157" s="132" t="s">
        <v>30</v>
      </c>
      <c r="L157" s="33"/>
      <c r="M157" s="133" t="s">
        <v>30</v>
      </c>
      <c r="N157" s="60" t="s">
        <v>1214</v>
      </c>
      <c r="O157" s="61"/>
      <c r="P157" s="61"/>
      <c r="Q157" s="34"/>
      <c r="R157" s="33"/>
      <c r="S157" s="61"/>
      <c r="T157" s="134" t="s">
        <v>30</v>
      </c>
      <c r="U157" s="61"/>
      <c r="V157" s="59" t="s">
        <v>30</v>
      </c>
      <c r="W157" s="60" t="s">
        <v>30</v>
      </c>
      <c r="X157" s="60" t="s">
        <v>30</v>
      </c>
      <c r="Y157" s="60" t="s">
        <v>1214</v>
      </c>
      <c r="Z157" s="135"/>
      <c r="AA157" s="27"/>
      <c r="AB157" s="27"/>
      <c r="AC157" s="27"/>
      <c r="AD157" s="28"/>
      <c r="AE157" s="29"/>
      <c r="AF157" s="29"/>
      <c r="AG157" s="29"/>
      <c r="AH157" s="27"/>
      <c r="AI157" s="27"/>
      <c r="AJ157" s="27"/>
      <c r="AK157" s="27"/>
      <c r="AL157" s="28"/>
      <c r="AM157" s="29"/>
      <c r="AN157" s="29"/>
      <c r="AO157" s="30"/>
    </row>
    <row r="158" spans="1:41" s="46" customFormat="1" ht="9.75" customHeight="1">
      <c r="A158" s="57"/>
      <c r="B158" s="131"/>
      <c r="C158" s="33"/>
      <c r="D158" s="141"/>
      <c r="E158" s="177"/>
      <c r="F158" s="180"/>
      <c r="G158" s="33"/>
      <c r="H158" s="59"/>
      <c r="I158" s="33"/>
      <c r="J158" s="59"/>
      <c r="K158" s="132"/>
      <c r="L158" s="33"/>
      <c r="M158" s="133"/>
      <c r="N158" s="60"/>
      <c r="O158" s="61"/>
      <c r="P158" s="61"/>
      <c r="Q158" s="34"/>
      <c r="R158" s="33"/>
      <c r="S158" s="61"/>
      <c r="T158" s="134"/>
      <c r="U158" s="61"/>
      <c r="V158" s="59"/>
      <c r="W158" s="60"/>
      <c r="X158" s="60"/>
      <c r="Y158" s="60"/>
      <c r="Z158" s="135"/>
      <c r="AA158" s="27"/>
      <c r="AB158" s="27"/>
      <c r="AC158" s="27"/>
      <c r="AD158" s="28"/>
      <c r="AE158" s="29"/>
      <c r="AF158" s="29"/>
      <c r="AG158" s="29"/>
      <c r="AH158" s="27"/>
      <c r="AI158" s="27"/>
      <c r="AJ158" s="27"/>
      <c r="AK158" s="27"/>
      <c r="AL158" s="28"/>
      <c r="AM158" s="29"/>
      <c r="AN158" s="29"/>
      <c r="AO158" s="30"/>
    </row>
    <row r="159" spans="1:41" s="46" customFormat="1" ht="9.75" customHeight="1">
      <c r="A159" s="80"/>
      <c r="B159" s="142"/>
      <c r="C159" s="52"/>
      <c r="D159" s="142"/>
      <c r="E159" s="52"/>
      <c r="F159" s="76"/>
      <c r="G159" s="82"/>
      <c r="H159" s="83"/>
      <c r="I159" s="82"/>
      <c r="J159" s="83"/>
      <c r="K159" s="143"/>
      <c r="L159" s="82"/>
      <c r="M159" s="144"/>
      <c r="N159" s="84"/>
      <c r="O159" s="85"/>
      <c r="P159" s="85"/>
      <c r="Q159" s="86"/>
      <c r="R159" s="82"/>
      <c r="S159" s="85"/>
      <c r="T159" s="145"/>
      <c r="U159" s="85"/>
      <c r="V159" s="83"/>
      <c r="W159" s="84"/>
      <c r="X159" s="84"/>
      <c r="Y159" s="84"/>
      <c r="Z159" s="146" t="s">
        <v>79</v>
      </c>
      <c r="AA159" s="89"/>
      <c r="AB159" s="89"/>
      <c r="AC159" s="89"/>
      <c r="AD159" s="90"/>
      <c r="AE159" s="91"/>
      <c r="AF159" s="91"/>
      <c r="AG159" s="91"/>
      <c r="AH159" s="89"/>
      <c r="AI159" s="89"/>
      <c r="AJ159" s="89"/>
      <c r="AK159" s="89"/>
      <c r="AL159" s="90"/>
      <c r="AM159" s="91"/>
      <c r="AN159" s="91"/>
      <c r="AO159" s="92"/>
    </row>
    <row r="160" spans="1:41" s="46" customFormat="1" ht="9.75" customHeight="1">
      <c r="A160" s="181" t="s">
        <v>129</v>
      </c>
      <c r="B160" s="182"/>
      <c r="C160" s="183"/>
      <c r="D160" s="183"/>
      <c r="E160" s="183"/>
      <c r="F160" s="184"/>
      <c r="G160" s="230" t="s">
        <v>973</v>
      </c>
      <c r="H160" s="231"/>
      <c r="I160" s="35" t="s">
        <v>133</v>
      </c>
      <c r="J160" s="36" t="s">
        <v>974</v>
      </c>
      <c r="K160" s="37" t="s">
        <v>975</v>
      </c>
      <c r="L160" s="35"/>
      <c r="M160" s="36" t="s">
        <v>30</v>
      </c>
      <c r="N160" s="124" t="s">
        <v>976</v>
      </c>
      <c r="O160" s="147"/>
      <c r="P160" s="38"/>
      <c r="Q160" s="39"/>
      <c r="R160" s="35"/>
      <c r="S160" s="38"/>
      <c r="T160" s="148" t="s">
        <v>1088</v>
      </c>
      <c r="U160" s="38"/>
      <c r="V160" s="36" t="s">
        <v>30</v>
      </c>
      <c r="W160" s="37" t="s">
        <v>1089</v>
      </c>
      <c r="X160" s="36" t="s">
        <v>30</v>
      </c>
      <c r="Y160" s="37" t="s">
        <v>1090</v>
      </c>
      <c r="Z160" s="149"/>
      <c r="AA160" s="43"/>
      <c r="AB160" s="43"/>
      <c r="AC160" s="43"/>
      <c r="AD160" s="43"/>
      <c r="AE160" s="44"/>
      <c r="AF160" s="44"/>
      <c r="AG160" s="44"/>
      <c r="AH160" s="42"/>
      <c r="AI160" s="42"/>
      <c r="AJ160" s="42"/>
      <c r="AK160" s="42"/>
      <c r="AL160" s="43"/>
      <c r="AM160" s="43"/>
      <c r="AN160" s="43"/>
      <c r="AO160" s="45" t="s">
        <v>1091</v>
      </c>
    </row>
    <row r="161" spans="1:41" s="46" customFormat="1" ht="9.75" customHeight="1">
      <c r="A161" s="93"/>
      <c r="B161" s="150"/>
      <c r="C161" s="98"/>
      <c r="D161" s="150"/>
      <c r="E161" s="98"/>
      <c r="F161" s="99"/>
      <c r="G161" s="95"/>
      <c r="H161" s="96"/>
      <c r="I161" s="95"/>
      <c r="J161" s="96"/>
      <c r="K161" s="151"/>
      <c r="L161" s="95"/>
      <c r="M161" s="152"/>
      <c r="N161" s="97"/>
      <c r="O161" s="98"/>
      <c r="P161" s="98"/>
      <c r="Q161" s="99"/>
      <c r="R161" s="95"/>
      <c r="S161" s="98"/>
      <c r="T161" s="153"/>
      <c r="U161" s="98"/>
      <c r="V161" s="96"/>
      <c r="W161" s="97"/>
      <c r="X161" s="97"/>
      <c r="Y161" s="97"/>
      <c r="Z161" s="154"/>
      <c r="AA161" s="102"/>
      <c r="AB161" s="102"/>
      <c r="AC161" s="102"/>
      <c r="AD161" s="103"/>
      <c r="AE161" s="104"/>
      <c r="AF161" s="104"/>
      <c r="AG161" s="104"/>
      <c r="AH161" s="102"/>
      <c r="AI161" s="102"/>
      <c r="AJ161" s="102"/>
      <c r="AK161" s="102"/>
      <c r="AL161" s="103"/>
      <c r="AM161" s="104"/>
      <c r="AN161" s="104"/>
      <c r="AO161" s="155"/>
    </row>
    <row r="162" spans="1:41" ht="9.75" customHeight="1">
      <c r="A162" s="105"/>
      <c r="B162" s="106"/>
      <c r="C162" s="106"/>
      <c r="D162" s="106"/>
      <c r="E162" s="106"/>
      <c r="F162" s="106"/>
      <c r="G162" s="106"/>
      <c r="H162" s="106"/>
      <c r="I162" s="106"/>
      <c r="J162" s="106"/>
      <c r="K162" s="106"/>
      <c r="L162" s="106"/>
      <c r="M162" s="106"/>
      <c r="N162" s="106"/>
      <c r="O162" s="106"/>
      <c r="P162" s="106"/>
      <c r="Q162" s="106"/>
      <c r="R162" s="106"/>
      <c r="S162" s="106"/>
      <c r="T162" s="106"/>
      <c r="U162" s="106"/>
      <c r="V162" s="106"/>
      <c r="W162" s="106"/>
      <c r="X162" s="106"/>
      <c r="Y162" s="106"/>
      <c r="Z162" s="107"/>
      <c r="AA162" s="107"/>
      <c r="AB162" s="107"/>
      <c r="AC162" s="107"/>
      <c r="AD162" s="107"/>
      <c r="AE162" s="107"/>
      <c r="AF162" s="107"/>
      <c r="AG162" s="107"/>
      <c r="AH162" s="107"/>
      <c r="AI162" s="107"/>
      <c r="AJ162" s="107"/>
      <c r="AK162" s="107"/>
      <c r="AL162" s="107"/>
      <c r="AM162" s="107"/>
      <c r="AN162" s="107"/>
      <c r="AO162" s="108"/>
    </row>
    <row r="163" spans="1:41" ht="9.75" customHeight="1">
      <c r="A163" s="109"/>
      <c r="B163" s="110"/>
      <c r="C163" s="110"/>
      <c r="D163" s="110"/>
      <c r="E163" s="110"/>
      <c r="F163" s="110"/>
      <c r="G163" s="110"/>
      <c r="H163" s="110"/>
      <c r="I163" s="110"/>
      <c r="J163" s="110"/>
      <c r="K163" s="110"/>
      <c r="L163" s="110"/>
      <c r="M163" s="110"/>
      <c r="N163" s="110"/>
      <c r="O163" s="110"/>
      <c r="P163" s="110"/>
      <c r="Q163" s="110"/>
      <c r="R163" s="110"/>
      <c r="S163" s="110"/>
      <c r="T163" s="110"/>
      <c r="U163" s="110"/>
      <c r="V163" s="110"/>
      <c r="W163" s="110"/>
      <c r="X163" s="110"/>
      <c r="Y163" s="110"/>
      <c r="Z163" s="110"/>
      <c r="AA163" s="110"/>
      <c r="AB163" s="110"/>
      <c r="AC163" s="110"/>
      <c r="AD163" s="110"/>
      <c r="AE163" s="110"/>
      <c r="AF163" s="110"/>
      <c r="AG163" s="110"/>
      <c r="AH163" s="110"/>
      <c r="AI163" s="110"/>
      <c r="AJ163" s="110"/>
      <c r="AK163" s="110"/>
      <c r="AL163" s="110"/>
      <c r="AM163" s="110"/>
      <c r="AN163" s="110"/>
      <c r="AO163" s="111"/>
    </row>
    <row r="164" spans="1:41" ht="9.75" customHeight="1">
      <c r="A164" s="109"/>
      <c r="B164" s="110"/>
      <c r="C164" s="110"/>
      <c r="D164" s="110"/>
      <c r="E164" s="110"/>
      <c r="F164" s="110"/>
      <c r="G164" s="110"/>
      <c r="H164" s="110"/>
      <c r="I164" s="110"/>
      <c r="J164" s="110"/>
      <c r="K164" s="110"/>
      <c r="L164" s="110"/>
      <c r="M164" s="110"/>
      <c r="N164" s="110"/>
      <c r="O164" s="110"/>
      <c r="P164" s="110"/>
      <c r="Q164" s="110"/>
      <c r="R164" s="110"/>
      <c r="S164" s="110"/>
      <c r="T164" s="110"/>
      <c r="U164" s="110"/>
      <c r="V164" s="110"/>
      <c r="W164" s="110"/>
      <c r="X164" s="110"/>
      <c r="Y164" s="110"/>
      <c r="Z164" s="110"/>
      <c r="AA164" s="110"/>
      <c r="AB164" s="110"/>
      <c r="AC164" s="110"/>
      <c r="AD164" s="110"/>
      <c r="AE164" s="110"/>
      <c r="AF164" s="110"/>
      <c r="AG164" s="110"/>
      <c r="AH164" s="110"/>
      <c r="AI164" s="110"/>
      <c r="AJ164" s="110"/>
      <c r="AK164" s="110"/>
      <c r="AL164" s="110"/>
      <c r="AM164" s="110"/>
      <c r="AN164" s="110"/>
      <c r="AO164" s="111"/>
    </row>
    <row r="165" spans="1:41" ht="9.75" customHeight="1">
      <c r="A165" s="109"/>
      <c r="B165" s="110"/>
      <c r="C165" s="110"/>
      <c r="D165" s="110"/>
      <c r="E165" s="110"/>
      <c r="F165" s="110"/>
      <c r="G165" s="110"/>
      <c r="H165" s="110"/>
      <c r="I165" s="110"/>
      <c r="J165" s="110"/>
      <c r="K165" s="110"/>
      <c r="L165" s="110"/>
      <c r="M165" s="110"/>
      <c r="N165" s="110"/>
      <c r="O165" s="110"/>
      <c r="P165" s="110"/>
      <c r="Q165" s="110"/>
      <c r="R165" s="110"/>
      <c r="S165" s="110"/>
      <c r="T165" s="110"/>
      <c r="U165" s="110"/>
      <c r="V165" s="110"/>
      <c r="W165" s="110"/>
      <c r="X165" s="110"/>
      <c r="Y165" s="110"/>
      <c r="Z165" s="110"/>
      <c r="AA165" s="110"/>
      <c r="AB165" s="110"/>
      <c r="AC165" s="110"/>
      <c r="AD165" s="110"/>
      <c r="AE165" s="110"/>
      <c r="AF165" s="110"/>
      <c r="AG165" s="110"/>
      <c r="AH165" s="110"/>
      <c r="AI165" s="110"/>
      <c r="AJ165" s="110"/>
      <c r="AK165" s="110"/>
      <c r="AL165" s="110"/>
      <c r="AM165" s="110"/>
      <c r="AN165" s="110"/>
      <c r="AO165" s="111"/>
    </row>
    <row r="166" spans="1:41" ht="9.75" customHeight="1">
      <c r="A166" s="109"/>
      <c r="B166" s="110"/>
      <c r="C166" s="110"/>
      <c r="D166" s="110"/>
      <c r="E166" s="110"/>
      <c r="F166" s="110"/>
      <c r="G166" s="110"/>
      <c r="H166" s="110"/>
      <c r="I166" s="110"/>
      <c r="J166" s="110"/>
      <c r="K166" s="110"/>
      <c r="L166" s="110"/>
      <c r="M166" s="110"/>
      <c r="N166" s="110"/>
      <c r="O166" s="110"/>
      <c r="P166" s="110"/>
      <c r="Q166" s="110"/>
      <c r="R166" s="110"/>
      <c r="S166" s="110"/>
      <c r="T166" s="110"/>
      <c r="U166" s="110"/>
      <c r="V166" s="110"/>
      <c r="W166" s="110"/>
      <c r="X166" s="110"/>
      <c r="Y166" s="110"/>
      <c r="Z166" s="110"/>
      <c r="AA166" s="110"/>
      <c r="AB166" s="110"/>
      <c r="AC166" s="110"/>
      <c r="AD166" s="110"/>
      <c r="AE166" s="110"/>
      <c r="AF166" s="110"/>
      <c r="AG166" s="110"/>
      <c r="AH166" s="110"/>
      <c r="AI166" s="110"/>
      <c r="AJ166" s="110"/>
      <c r="AK166" s="110"/>
      <c r="AL166" s="110"/>
      <c r="AM166" s="110"/>
      <c r="AN166" s="110"/>
      <c r="AO166" s="111"/>
    </row>
    <row r="167" spans="1:41" ht="9.75" customHeight="1">
      <c r="A167" s="109"/>
      <c r="B167" s="110"/>
      <c r="C167" s="110"/>
      <c r="D167" s="110"/>
      <c r="E167" s="110"/>
      <c r="F167" s="110"/>
      <c r="G167" s="110"/>
      <c r="H167" s="110"/>
      <c r="I167" s="110"/>
      <c r="J167" s="110"/>
      <c r="K167" s="110"/>
      <c r="L167" s="110"/>
      <c r="M167" s="110"/>
      <c r="N167" s="110"/>
      <c r="O167" s="110"/>
      <c r="P167" s="110"/>
      <c r="Q167" s="110"/>
      <c r="R167" s="110"/>
      <c r="S167" s="110"/>
      <c r="T167" s="110"/>
      <c r="U167" s="110"/>
      <c r="V167" s="110"/>
      <c r="W167" s="110"/>
      <c r="X167" s="110"/>
      <c r="Y167" s="110"/>
      <c r="Z167" s="110"/>
      <c r="AA167" s="110"/>
      <c r="AB167" s="110"/>
      <c r="AC167" s="110"/>
      <c r="AD167" s="110"/>
      <c r="AE167" s="110"/>
      <c r="AF167" s="110"/>
      <c r="AG167" s="110"/>
      <c r="AH167" s="110"/>
      <c r="AI167" s="110"/>
      <c r="AJ167" s="110"/>
      <c r="AK167" s="110"/>
      <c r="AL167" s="110"/>
      <c r="AM167" s="110"/>
      <c r="AN167" s="110"/>
      <c r="AO167" s="111"/>
    </row>
    <row r="168" spans="1:41" ht="9.75" customHeight="1">
      <c r="A168" s="109"/>
      <c r="B168" s="110"/>
      <c r="C168" s="110"/>
      <c r="D168" s="110"/>
      <c r="E168" s="110"/>
      <c r="F168" s="110"/>
      <c r="G168" s="110"/>
      <c r="H168" s="110"/>
      <c r="I168" s="110"/>
      <c r="J168" s="110"/>
      <c r="K168" s="110"/>
      <c r="L168" s="110"/>
      <c r="M168" s="110"/>
      <c r="N168" s="110"/>
      <c r="O168" s="110"/>
      <c r="P168" s="110"/>
      <c r="Q168" s="110"/>
      <c r="R168" s="110"/>
      <c r="S168" s="110"/>
      <c r="T168" s="110"/>
      <c r="U168" s="110"/>
      <c r="V168" s="110"/>
      <c r="W168" s="110"/>
      <c r="X168" s="110"/>
      <c r="Y168" s="110"/>
      <c r="Z168" s="110"/>
      <c r="AA168" s="110"/>
      <c r="AB168" s="110"/>
      <c r="AC168" s="110"/>
      <c r="AD168" s="110"/>
      <c r="AE168" s="110"/>
      <c r="AF168" s="110"/>
      <c r="AG168" s="110"/>
      <c r="AH168" s="110"/>
      <c r="AI168" s="110"/>
      <c r="AJ168" s="110"/>
      <c r="AK168" s="110"/>
      <c r="AL168" s="110"/>
      <c r="AM168" s="110"/>
      <c r="AN168" s="110"/>
      <c r="AO168" s="111"/>
    </row>
    <row r="169" spans="1:41" ht="9.75" customHeight="1">
      <c r="A169" s="109"/>
      <c r="B169" s="110"/>
      <c r="C169" s="110"/>
      <c r="D169" s="110"/>
      <c r="E169" s="110"/>
      <c r="F169" s="110"/>
      <c r="G169" s="110"/>
      <c r="H169" s="110"/>
      <c r="I169" s="110"/>
      <c r="J169" s="110"/>
      <c r="K169" s="110"/>
      <c r="L169" s="110"/>
      <c r="M169" s="110"/>
      <c r="N169" s="110"/>
      <c r="O169" s="110"/>
      <c r="P169" s="110"/>
      <c r="Q169" s="110"/>
      <c r="R169" s="110"/>
      <c r="S169" s="110"/>
      <c r="T169" s="110"/>
      <c r="U169" s="110"/>
      <c r="V169" s="110"/>
      <c r="W169" s="110"/>
      <c r="X169" s="110"/>
      <c r="Y169" s="110"/>
      <c r="Z169" s="110"/>
      <c r="AA169" s="110"/>
      <c r="AB169" s="110"/>
      <c r="AC169" s="110"/>
      <c r="AD169" s="110"/>
      <c r="AE169" s="110"/>
      <c r="AF169" s="110"/>
      <c r="AG169" s="110"/>
      <c r="AH169" s="110"/>
      <c r="AI169" s="110"/>
      <c r="AJ169" s="110"/>
      <c r="AK169" s="110"/>
      <c r="AL169" s="110"/>
      <c r="AM169" s="110"/>
      <c r="AN169" s="110"/>
      <c r="AO169" s="111"/>
    </row>
    <row r="170" spans="1:41" ht="9.75" customHeight="1">
      <c r="A170" s="112"/>
      <c r="B170" s="113"/>
      <c r="C170" s="113"/>
      <c r="D170" s="113"/>
      <c r="E170" s="113"/>
      <c r="F170" s="113"/>
      <c r="G170" s="113"/>
      <c r="H170" s="113"/>
      <c r="I170" s="113"/>
      <c r="J170" s="113"/>
      <c r="K170" s="113"/>
      <c r="L170" s="113"/>
      <c r="M170" s="113"/>
      <c r="N170" s="113"/>
      <c r="O170" s="113"/>
      <c r="P170" s="113"/>
      <c r="Q170" s="113"/>
      <c r="R170" s="113"/>
      <c r="S170" s="113"/>
      <c r="T170" s="113"/>
      <c r="U170" s="113"/>
      <c r="V170" s="113"/>
      <c r="W170" s="113"/>
      <c r="X170" s="113"/>
      <c r="Y170" s="113"/>
      <c r="Z170" s="113"/>
      <c r="AA170" s="113"/>
      <c r="AB170" s="113"/>
      <c r="AC170" s="113"/>
      <c r="AD170" s="113"/>
      <c r="AE170" s="113"/>
      <c r="AF170" s="113"/>
      <c r="AG170" s="113"/>
      <c r="AH170" s="113"/>
      <c r="AI170" s="113"/>
      <c r="AJ170" s="113"/>
      <c r="AK170" s="113"/>
      <c r="AL170" s="113"/>
      <c r="AM170" s="113"/>
      <c r="AN170" s="113"/>
      <c r="AO170" s="114"/>
    </row>
    <row r="6972" spans="11:11" ht="9.75" customHeight="1">
      <c r="K6972" s="156"/>
    </row>
    <row r="7007" spans="25:25" ht="9.75" customHeight="1">
      <c r="Y7007" s="157"/>
    </row>
  </sheetData>
  <mergeCells count="134">
    <mergeCell ref="R7:S8"/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  <mergeCell ref="T5:T8"/>
    <mergeCell ref="U5:X5"/>
    <mergeCell ref="X6:X8"/>
    <mergeCell ref="P7:Q8"/>
    <mergeCell ref="P25:P27"/>
    <mergeCell ref="Q25:Q27"/>
    <mergeCell ref="P28:P30"/>
    <mergeCell ref="Q28:Q30"/>
    <mergeCell ref="P31:P33"/>
    <mergeCell ref="Q31:Q33"/>
    <mergeCell ref="E16:E18"/>
    <mergeCell ref="F16:F18"/>
    <mergeCell ref="P19:P21"/>
    <mergeCell ref="Q19:Q21"/>
    <mergeCell ref="P22:P24"/>
    <mergeCell ref="Q22:Q24"/>
    <mergeCell ref="P43:P45"/>
    <mergeCell ref="Q43:Q45"/>
    <mergeCell ref="P46:P48"/>
    <mergeCell ref="Q46:Q48"/>
    <mergeCell ref="P49:P51"/>
    <mergeCell ref="Q49:Q51"/>
    <mergeCell ref="P34:P36"/>
    <mergeCell ref="Q34:Q36"/>
    <mergeCell ref="P37:P39"/>
    <mergeCell ref="Q37:Q39"/>
    <mergeCell ref="P40:P42"/>
    <mergeCell ref="Q40:Q42"/>
    <mergeCell ref="P61:P63"/>
    <mergeCell ref="Q61:Q63"/>
    <mergeCell ref="P64:P66"/>
    <mergeCell ref="Q64:Q66"/>
    <mergeCell ref="P67:P69"/>
    <mergeCell ref="Q67:Q69"/>
    <mergeCell ref="P52:P54"/>
    <mergeCell ref="Q52:Q54"/>
    <mergeCell ref="E55:E57"/>
    <mergeCell ref="F55:F57"/>
    <mergeCell ref="P58:P60"/>
    <mergeCell ref="Q58:Q60"/>
    <mergeCell ref="A91:B94"/>
    <mergeCell ref="C91:D94"/>
    <mergeCell ref="E91:F94"/>
    <mergeCell ref="G91:S91"/>
    <mergeCell ref="P70:P72"/>
    <mergeCell ref="Q70:Q72"/>
    <mergeCell ref="P73:P75"/>
    <mergeCell ref="Q73:Q75"/>
    <mergeCell ref="P76:P78"/>
    <mergeCell ref="Q76:Q78"/>
    <mergeCell ref="Y91:Y94"/>
    <mergeCell ref="Z91:AO94"/>
    <mergeCell ref="G92:H94"/>
    <mergeCell ref="I92:J94"/>
    <mergeCell ref="K92:K94"/>
    <mergeCell ref="L92:M94"/>
    <mergeCell ref="N92:N94"/>
    <mergeCell ref="P92:S92"/>
    <mergeCell ref="P79:P81"/>
    <mergeCell ref="Q79:Q81"/>
    <mergeCell ref="P82:P84"/>
    <mergeCell ref="Q82:Q84"/>
    <mergeCell ref="P99:P101"/>
    <mergeCell ref="Q99:Q101"/>
    <mergeCell ref="P102:P104"/>
    <mergeCell ref="Q102:Q104"/>
    <mergeCell ref="P105:P107"/>
    <mergeCell ref="Q105:Q107"/>
    <mergeCell ref="U92:V94"/>
    <mergeCell ref="W92:W94"/>
    <mergeCell ref="X92:X94"/>
    <mergeCell ref="P93:Q94"/>
    <mergeCell ref="R93:S94"/>
    <mergeCell ref="P96:P98"/>
    <mergeCell ref="Q96:Q98"/>
    <mergeCell ref="T91:T94"/>
    <mergeCell ref="U91:X91"/>
    <mergeCell ref="C132:C134"/>
    <mergeCell ref="D132:D134"/>
    <mergeCell ref="E117:E119"/>
    <mergeCell ref="F117:F119"/>
    <mergeCell ref="P120:P122"/>
    <mergeCell ref="Q120:Q122"/>
    <mergeCell ref="C123:C125"/>
    <mergeCell ref="D123:D125"/>
    <mergeCell ref="P108:P110"/>
    <mergeCell ref="Q108:Q110"/>
    <mergeCell ref="E111:E113"/>
    <mergeCell ref="F111:F113"/>
    <mergeCell ref="P114:P116"/>
    <mergeCell ref="Q114:Q116"/>
    <mergeCell ref="E135:E137"/>
    <mergeCell ref="F135:F137"/>
    <mergeCell ref="P138:P140"/>
    <mergeCell ref="Q138:Q140"/>
    <mergeCell ref="E141:E143"/>
    <mergeCell ref="F141:F143"/>
    <mergeCell ref="E126:E128"/>
    <mergeCell ref="F126:F128"/>
    <mergeCell ref="P129:P131"/>
    <mergeCell ref="Q129:Q131"/>
    <mergeCell ref="C153:C155"/>
    <mergeCell ref="D153:D155"/>
    <mergeCell ref="E156:E158"/>
    <mergeCell ref="F156:F158"/>
    <mergeCell ref="A160:F160"/>
    <mergeCell ref="G160:H160"/>
    <mergeCell ref="P144:P146"/>
    <mergeCell ref="Q144:Q146"/>
    <mergeCell ref="E147:E149"/>
    <mergeCell ref="F147:F149"/>
    <mergeCell ref="P150:P152"/>
    <mergeCell ref="Q150:Q152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  <rowBreaks count="1" manualBreakCount="1">
    <brk id="86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130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233" t="s">
        <v>131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132</v>
      </c>
      <c r="I11" s="35" t="s">
        <v>133</v>
      </c>
      <c r="J11" s="36" t="s">
        <v>134</v>
      </c>
      <c r="K11" s="124" t="s">
        <v>30</v>
      </c>
      <c r="L11" s="35"/>
      <c r="M11" s="125" t="s">
        <v>30</v>
      </c>
      <c r="N11" s="37" t="s">
        <v>135</v>
      </c>
      <c r="O11" s="38"/>
      <c r="P11" s="186"/>
      <c r="Q11" s="234"/>
      <c r="R11" s="35"/>
      <c r="S11" s="38"/>
      <c r="T11" s="126" t="s">
        <v>136</v>
      </c>
      <c r="U11" s="38"/>
      <c r="V11" s="36" t="s">
        <v>30</v>
      </c>
      <c r="W11" s="37" t="s">
        <v>30</v>
      </c>
      <c r="X11" s="37" t="s">
        <v>30</v>
      </c>
      <c r="Y11" s="37" t="s">
        <v>137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78" t="s">
        <v>118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132</v>
      </c>
      <c r="I14" s="33" t="s">
        <v>133</v>
      </c>
      <c r="J14" s="59" t="s">
        <v>134</v>
      </c>
      <c r="K14" s="132" t="s">
        <v>30</v>
      </c>
      <c r="L14" s="33"/>
      <c r="M14" s="133" t="s">
        <v>30</v>
      </c>
      <c r="N14" s="60" t="s">
        <v>135</v>
      </c>
      <c r="O14" s="61"/>
      <c r="P14" s="61"/>
      <c r="Q14" s="34"/>
      <c r="R14" s="33"/>
      <c r="S14" s="61"/>
      <c r="T14" s="134" t="s">
        <v>136</v>
      </c>
      <c r="U14" s="61"/>
      <c r="V14" s="59" t="s">
        <v>30</v>
      </c>
      <c r="W14" s="60" t="s">
        <v>30</v>
      </c>
      <c r="X14" s="60" t="s">
        <v>30</v>
      </c>
      <c r="Y14" s="60" t="s">
        <v>137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78" t="s">
        <v>122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138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79"/>
      <c r="G17" s="33"/>
      <c r="H17" s="59" t="s">
        <v>139</v>
      </c>
      <c r="I17" s="33"/>
      <c r="J17" s="59" t="s">
        <v>30</v>
      </c>
      <c r="K17" s="132" t="s">
        <v>30</v>
      </c>
      <c r="L17" s="33"/>
      <c r="M17" s="133" t="s">
        <v>140</v>
      </c>
      <c r="N17" s="60" t="s">
        <v>141</v>
      </c>
      <c r="O17" s="61"/>
      <c r="P17" s="61"/>
      <c r="Q17" s="34"/>
      <c r="R17" s="33"/>
      <c r="S17" s="61"/>
      <c r="T17" s="134" t="s">
        <v>142</v>
      </c>
      <c r="U17" s="61"/>
      <c r="V17" s="59" t="s">
        <v>30</v>
      </c>
      <c r="W17" s="60" t="s">
        <v>30</v>
      </c>
      <c r="X17" s="60" t="s">
        <v>30</v>
      </c>
      <c r="Y17" s="60" t="s">
        <v>143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 t="s">
        <v>144</v>
      </c>
    </row>
    <row r="18" spans="1:41" s="46" customFormat="1" ht="9.75" customHeight="1">
      <c r="A18" s="57"/>
      <c r="B18" s="131"/>
      <c r="C18" s="33"/>
      <c r="D18" s="131"/>
      <c r="E18" s="176"/>
      <c r="F18" s="179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45</v>
      </c>
      <c r="Q19" s="188" t="s">
        <v>146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141</v>
      </c>
      <c r="T20" s="134" t="s">
        <v>142</v>
      </c>
      <c r="U20" s="61"/>
      <c r="V20" s="59" t="s">
        <v>30</v>
      </c>
      <c r="W20" s="60" t="s">
        <v>30</v>
      </c>
      <c r="X20" s="60" t="s">
        <v>30</v>
      </c>
      <c r="Y20" s="60" t="s">
        <v>143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33"/>
      <c r="D21" s="131"/>
      <c r="E21" s="33"/>
      <c r="F21" s="58"/>
      <c r="G21" s="33"/>
      <c r="H21" s="59"/>
      <c r="I21" s="33"/>
      <c r="J21" s="59"/>
      <c r="K21" s="132"/>
      <c r="L21" s="33"/>
      <c r="M21" s="133"/>
      <c r="N21" s="60"/>
      <c r="O21" s="61"/>
      <c r="P21" s="187"/>
      <c r="Q21" s="180"/>
      <c r="R21" s="33"/>
      <c r="S21" s="61"/>
      <c r="T21" s="134"/>
      <c r="U21" s="61"/>
      <c r="V21" s="59"/>
      <c r="W21" s="60"/>
      <c r="X21" s="60"/>
      <c r="Y21" s="60"/>
      <c r="Z21" s="135"/>
      <c r="AA21" s="27"/>
      <c r="AB21" s="27"/>
      <c r="AC21" s="27"/>
      <c r="AD21" s="28"/>
      <c r="AE21" s="29"/>
      <c r="AF21" s="29"/>
      <c r="AG21" s="29"/>
      <c r="AH21" s="27"/>
      <c r="AI21" s="27"/>
      <c r="AJ21" s="27"/>
      <c r="AK21" s="27"/>
      <c r="AL21" s="28"/>
      <c r="AM21" s="29"/>
      <c r="AN21" s="29"/>
      <c r="AO21" s="30"/>
    </row>
    <row r="22" spans="1:41" s="46" customFormat="1" ht="9.75" customHeight="1">
      <c r="A22" s="57"/>
      <c r="B22" s="141"/>
      <c r="C22" s="33"/>
      <c r="D22" s="34"/>
      <c r="E22" s="175" t="s">
        <v>36</v>
      </c>
      <c r="F22" s="178" t="s">
        <v>147</v>
      </c>
      <c r="G22" s="48"/>
      <c r="H22" s="50"/>
      <c r="I22" s="48"/>
      <c r="J22" s="50"/>
      <c r="K22" s="128"/>
      <c r="L22" s="48"/>
      <c r="M22" s="129"/>
      <c r="N22" s="51"/>
      <c r="O22" s="52"/>
      <c r="P22" s="52"/>
      <c r="Q22" s="76"/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41"/>
      <c r="C23" s="33"/>
      <c r="D23" s="141"/>
      <c r="E23" s="176"/>
      <c r="F23" s="179"/>
      <c r="G23" s="33"/>
      <c r="H23" s="59" t="s">
        <v>148</v>
      </c>
      <c r="I23" s="33" t="s">
        <v>133</v>
      </c>
      <c r="J23" s="59" t="s">
        <v>149</v>
      </c>
      <c r="K23" s="132" t="s">
        <v>30</v>
      </c>
      <c r="L23" s="33"/>
      <c r="M23" s="133" t="s">
        <v>30</v>
      </c>
      <c r="N23" s="60" t="s">
        <v>150</v>
      </c>
      <c r="O23" s="61"/>
      <c r="P23" s="61"/>
      <c r="Q23" s="58"/>
      <c r="R23" s="33"/>
      <c r="S23" s="61"/>
      <c r="T23" s="134" t="s">
        <v>151</v>
      </c>
      <c r="U23" s="61"/>
      <c r="V23" s="59" t="s">
        <v>30</v>
      </c>
      <c r="W23" s="60" t="s">
        <v>30</v>
      </c>
      <c r="X23" s="60" t="s">
        <v>30</v>
      </c>
      <c r="Y23" s="60" t="s">
        <v>152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41"/>
      <c r="C24" s="33"/>
      <c r="D24" s="141"/>
      <c r="E24" s="176"/>
      <c r="F24" s="179"/>
      <c r="G24" s="33"/>
      <c r="H24" s="59"/>
      <c r="I24" s="33"/>
      <c r="J24" s="59"/>
      <c r="K24" s="132"/>
      <c r="L24" s="33"/>
      <c r="M24" s="133"/>
      <c r="N24" s="60"/>
      <c r="O24" s="61"/>
      <c r="P24" s="61"/>
      <c r="Q24" s="58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141"/>
      <c r="E25" s="33"/>
      <c r="F25" s="34"/>
      <c r="G25" s="33"/>
      <c r="H25" s="59"/>
      <c r="I25" s="33"/>
      <c r="J25" s="59"/>
      <c r="K25" s="132"/>
      <c r="L25" s="33"/>
      <c r="M25" s="133"/>
      <c r="N25" s="60"/>
      <c r="O25" s="61"/>
      <c r="P25" s="185" t="s">
        <v>145</v>
      </c>
      <c r="Q25" s="188" t="s">
        <v>146</v>
      </c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41"/>
      <c r="E26" s="33"/>
      <c r="F26" s="34"/>
      <c r="G26" s="33"/>
      <c r="H26" s="59"/>
      <c r="I26" s="33"/>
      <c r="J26" s="59"/>
      <c r="K26" s="132"/>
      <c r="L26" s="33"/>
      <c r="M26" s="133"/>
      <c r="N26" s="60"/>
      <c r="O26" s="61"/>
      <c r="P26" s="186"/>
      <c r="Q26" s="179"/>
      <c r="R26" s="33"/>
      <c r="S26" s="61" t="s">
        <v>150</v>
      </c>
      <c r="T26" s="134" t="s">
        <v>151</v>
      </c>
      <c r="U26" s="61"/>
      <c r="V26" s="59" t="s">
        <v>30</v>
      </c>
      <c r="W26" s="60" t="s">
        <v>30</v>
      </c>
      <c r="X26" s="60" t="s">
        <v>30</v>
      </c>
      <c r="Y26" s="60" t="s">
        <v>152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41"/>
      <c r="E27" s="33"/>
      <c r="F27" s="34"/>
      <c r="G27" s="33"/>
      <c r="H27" s="59"/>
      <c r="I27" s="33"/>
      <c r="J27" s="59"/>
      <c r="K27" s="132"/>
      <c r="L27" s="33"/>
      <c r="M27" s="133"/>
      <c r="N27" s="60"/>
      <c r="O27" s="61"/>
      <c r="P27" s="187"/>
      <c r="Q27" s="180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57"/>
      <c r="B28" s="141"/>
      <c r="C28" s="33"/>
      <c r="D28" s="34"/>
      <c r="E28" s="175" t="s">
        <v>52</v>
      </c>
      <c r="F28" s="178" t="s">
        <v>126</v>
      </c>
      <c r="G28" s="48"/>
      <c r="H28" s="50"/>
      <c r="I28" s="48"/>
      <c r="J28" s="50"/>
      <c r="K28" s="128"/>
      <c r="L28" s="48"/>
      <c r="M28" s="129"/>
      <c r="N28" s="51"/>
      <c r="O28" s="52"/>
      <c r="P28" s="52"/>
      <c r="Q28" s="76"/>
      <c r="R28" s="48"/>
      <c r="S28" s="52"/>
      <c r="T28" s="130"/>
      <c r="U28" s="52"/>
      <c r="V28" s="50"/>
      <c r="W28" s="51"/>
      <c r="X28" s="51"/>
      <c r="Y28" s="51"/>
      <c r="Z28" s="122" t="s">
        <v>15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41"/>
      <c r="C29" s="33"/>
      <c r="D29" s="141"/>
      <c r="E29" s="176"/>
      <c r="F29" s="179"/>
      <c r="G29" s="33"/>
      <c r="H29" s="59" t="s">
        <v>154</v>
      </c>
      <c r="I29" s="33" t="s">
        <v>133</v>
      </c>
      <c r="J29" s="59" t="s">
        <v>155</v>
      </c>
      <c r="K29" s="132" t="s">
        <v>30</v>
      </c>
      <c r="L29" s="33" t="s">
        <v>133</v>
      </c>
      <c r="M29" s="133" t="s">
        <v>140</v>
      </c>
      <c r="N29" s="60" t="s">
        <v>156</v>
      </c>
      <c r="O29" s="61"/>
      <c r="P29" s="61"/>
      <c r="Q29" s="58"/>
      <c r="R29" s="33"/>
      <c r="S29" s="61"/>
      <c r="T29" s="134" t="s">
        <v>157</v>
      </c>
      <c r="U29" s="61"/>
      <c r="V29" s="59" t="s">
        <v>30</v>
      </c>
      <c r="W29" s="60" t="s">
        <v>30</v>
      </c>
      <c r="X29" s="60" t="s">
        <v>30</v>
      </c>
      <c r="Y29" s="60" t="s">
        <v>158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 t="s">
        <v>159</v>
      </c>
    </row>
    <row r="30" spans="1:41" s="46" customFormat="1" ht="9.75" customHeight="1">
      <c r="A30" s="57"/>
      <c r="B30" s="141"/>
      <c r="C30" s="33"/>
      <c r="D30" s="141"/>
      <c r="E30" s="176"/>
      <c r="F30" s="179"/>
      <c r="G30" s="33"/>
      <c r="H30" s="59"/>
      <c r="I30" s="33"/>
      <c r="J30" s="59"/>
      <c r="K30" s="132"/>
      <c r="L30" s="33"/>
      <c r="M30" s="133"/>
      <c r="N30" s="60"/>
      <c r="O30" s="61"/>
      <c r="P30" s="61"/>
      <c r="Q30" s="58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141"/>
      <c r="E31" s="33"/>
      <c r="F31" s="34"/>
      <c r="G31" s="33"/>
      <c r="H31" s="59"/>
      <c r="I31" s="33"/>
      <c r="J31" s="59"/>
      <c r="K31" s="132"/>
      <c r="L31" s="33"/>
      <c r="M31" s="133"/>
      <c r="N31" s="60"/>
      <c r="O31" s="61"/>
      <c r="P31" s="185" t="s">
        <v>89</v>
      </c>
      <c r="Q31" s="178" t="s">
        <v>90</v>
      </c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41"/>
      <c r="E32" s="33"/>
      <c r="F32" s="34"/>
      <c r="G32" s="33"/>
      <c r="H32" s="59"/>
      <c r="I32" s="33"/>
      <c r="J32" s="59"/>
      <c r="K32" s="132"/>
      <c r="L32" s="33"/>
      <c r="M32" s="133"/>
      <c r="N32" s="60"/>
      <c r="O32" s="61"/>
      <c r="P32" s="186"/>
      <c r="Q32" s="179"/>
      <c r="R32" s="33"/>
      <c r="S32" s="61" t="s">
        <v>160</v>
      </c>
      <c r="T32" s="134" t="s">
        <v>161</v>
      </c>
      <c r="U32" s="61"/>
      <c r="V32" s="59" t="s">
        <v>30</v>
      </c>
      <c r="W32" s="60" t="s">
        <v>30</v>
      </c>
      <c r="X32" s="60" t="s">
        <v>30</v>
      </c>
      <c r="Y32" s="60" t="s">
        <v>162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33"/>
      <c r="D33" s="141"/>
      <c r="E33" s="33"/>
      <c r="F33" s="34"/>
      <c r="G33" s="33"/>
      <c r="H33" s="59"/>
      <c r="I33" s="33"/>
      <c r="J33" s="59"/>
      <c r="K33" s="132"/>
      <c r="L33" s="33"/>
      <c r="M33" s="133"/>
      <c r="N33" s="60"/>
      <c r="O33" s="61"/>
      <c r="P33" s="187"/>
      <c r="Q33" s="180"/>
      <c r="R33" s="33"/>
      <c r="S33" s="61"/>
      <c r="T33" s="134"/>
      <c r="U33" s="61"/>
      <c r="V33" s="59"/>
      <c r="W33" s="60"/>
      <c r="X33" s="60"/>
      <c r="Y33" s="60"/>
      <c r="Z33" s="135"/>
      <c r="AA33" s="27"/>
      <c r="AB33" s="27"/>
      <c r="AC33" s="27"/>
      <c r="AD33" s="28"/>
      <c r="AE33" s="29"/>
      <c r="AF33" s="29"/>
      <c r="AG33" s="29"/>
      <c r="AH33" s="27"/>
      <c r="AI33" s="27"/>
      <c r="AJ33" s="27"/>
      <c r="AK33" s="27"/>
      <c r="AL33" s="28"/>
      <c r="AM33" s="29"/>
      <c r="AN33" s="29"/>
      <c r="AO33" s="30"/>
    </row>
    <row r="34" spans="1:41" s="46" customFormat="1" ht="9.75" customHeight="1">
      <c r="A34" s="57"/>
      <c r="B34" s="131"/>
      <c r="C34" s="33"/>
      <c r="D34" s="131"/>
      <c r="E34" s="33"/>
      <c r="F34" s="34"/>
      <c r="G34" s="33"/>
      <c r="H34" s="59"/>
      <c r="I34" s="33"/>
      <c r="J34" s="59"/>
      <c r="K34" s="132"/>
      <c r="L34" s="33"/>
      <c r="M34" s="133"/>
      <c r="N34" s="60"/>
      <c r="O34" s="61"/>
      <c r="P34" s="185" t="s">
        <v>94</v>
      </c>
      <c r="Q34" s="178" t="s">
        <v>95</v>
      </c>
      <c r="R34" s="48"/>
      <c r="S34" s="52"/>
      <c r="T34" s="130"/>
      <c r="U34" s="52"/>
      <c r="V34" s="50"/>
      <c r="W34" s="51"/>
      <c r="X34" s="51"/>
      <c r="Y34" s="51"/>
      <c r="Z34" s="122" t="s">
        <v>3</v>
      </c>
      <c r="AA34" s="55"/>
      <c r="AB34" s="55"/>
      <c r="AC34" s="55"/>
      <c r="AD34" s="56"/>
      <c r="AE34" s="19"/>
      <c r="AF34" s="19"/>
      <c r="AG34" s="19"/>
      <c r="AH34" s="55"/>
      <c r="AI34" s="55"/>
      <c r="AJ34" s="55"/>
      <c r="AK34" s="55"/>
      <c r="AL34" s="56"/>
      <c r="AM34" s="19"/>
      <c r="AN34" s="19"/>
      <c r="AO34" s="26"/>
    </row>
    <row r="35" spans="1:41" s="46" customFormat="1" ht="9.75" customHeight="1">
      <c r="A35" s="57"/>
      <c r="B35" s="131"/>
      <c r="C35" s="33"/>
      <c r="D35" s="131"/>
      <c r="E35" s="33"/>
      <c r="F35" s="34"/>
      <c r="G35" s="33"/>
      <c r="H35" s="59"/>
      <c r="I35" s="33"/>
      <c r="J35" s="59"/>
      <c r="K35" s="132"/>
      <c r="L35" s="33"/>
      <c r="M35" s="133"/>
      <c r="N35" s="60"/>
      <c r="O35" s="61"/>
      <c r="P35" s="186"/>
      <c r="Q35" s="179"/>
      <c r="R35" s="33"/>
      <c r="S35" s="61" t="s">
        <v>163</v>
      </c>
      <c r="T35" s="134" t="s">
        <v>164</v>
      </c>
      <c r="U35" s="61"/>
      <c r="V35" s="59" t="s">
        <v>30</v>
      </c>
      <c r="W35" s="60" t="s">
        <v>30</v>
      </c>
      <c r="X35" s="60" t="s">
        <v>30</v>
      </c>
      <c r="Y35" s="60" t="s">
        <v>165</v>
      </c>
      <c r="Z35" s="135"/>
      <c r="AA35" s="27"/>
      <c r="AB35" s="27"/>
      <c r="AC35" s="27"/>
      <c r="AD35" s="28"/>
      <c r="AE35" s="29"/>
      <c r="AF35" s="29"/>
      <c r="AG35" s="29"/>
      <c r="AH35" s="27"/>
      <c r="AI35" s="27"/>
      <c r="AJ35" s="27"/>
      <c r="AK35" s="27"/>
      <c r="AL35" s="28"/>
      <c r="AM35" s="29"/>
      <c r="AN35" s="29"/>
      <c r="AO35" s="30"/>
    </row>
    <row r="36" spans="1:41" s="46" customFormat="1" ht="9.75" customHeight="1">
      <c r="A36" s="57"/>
      <c r="B36" s="131"/>
      <c r="C36" s="33"/>
      <c r="D36" s="131"/>
      <c r="E36" s="33"/>
      <c r="F36" s="34"/>
      <c r="G36" s="33"/>
      <c r="H36" s="59"/>
      <c r="I36" s="33"/>
      <c r="J36" s="59"/>
      <c r="K36" s="132"/>
      <c r="L36" s="33"/>
      <c r="M36" s="133"/>
      <c r="N36" s="60"/>
      <c r="O36" s="61"/>
      <c r="P36" s="187"/>
      <c r="Q36" s="180"/>
      <c r="R36" s="33"/>
      <c r="S36" s="61"/>
      <c r="T36" s="134"/>
      <c r="U36" s="61"/>
      <c r="V36" s="59"/>
      <c r="W36" s="60"/>
      <c r="X36" s="60"/>
      <c r="Y36" s="60"/>
      <c r="Z36" s="135"/>
      <c r="AA36" s="27"/>
      <c r="AB36" s="27"/>
      <c r="AC36" s="27"/>
      <c r="AD36" s="28"/>
      <c r="AE36" s="29"/>
      <c r="AF36" s="29"/>
      <c r="AG36" s="29"/>
      <c r="AH36" s="27"/>
      <c r="AI36" s="27"/>
      <c r="AJ36" s="27"/>
      <c r="AK36" s="27"/>
      <c r="AL36" s="28"/>
      <c r="AM36" s="29"/>
      <c r="AN36" s="29"/>
      <c r="AO36" s="30"/>
    </row>
    <row r="37" spans="1:41" s="46" customFormat="1" ht="9.75" customHeight="1">
      <c r="A37" s="57"/>
      <c r="B37" s="131"/>
      <c r="C37" s="33"/>
      <c r="D37" s="131"/>
      <c r="E37" s="33"/>
      <c r="F37" s="58"/>
      <c r="G37" s="33"/>
      <c r="H37" s="59"/>
      <c r="I37" s="33"/>
      <c r="J37" s="59"/>
      <c r="K37" s="132"/>
      <c r="L37" s="33"/>
      <c r="M37" s="133"/>
      <c r="N37" s="60"/>
      <c r="O37" s="61"/>
      <c r="P37" s="185" t="s">
        <v>102</v>
      </c>
      <c r="Q37" s="188" t="s">
        <v>103</v>
      </c>
      <c r="R37" s="48"/>
      <c r="S37" s="52"/>
      <c r="T37" s="130"/>
      <c r="U37" s="52"/>
      <c r="V37" s="50"/>
      <c r="W37" s="51"/>
      <c r="X37" s="51"/>
      <c r="Y37" s="51"/>
      <c r="Z37" s="122" t="s">
        <v>3</v>
      </c>
      <c r="AA37" s="55"/>
      <c r="AB37" s="55"/>
      <c r="AC37" s="55"/>
      <c r="AD37" s="56"/>
      <c r="AE37" s="19"/>
      <c r="AF37" s="19"/>
      <c r="AG37" s="19"/>
      <c r="AH37" s="55"/>
      <c r="AI37" s="55"/>
      <c r="AJ37" s="55"/>
      <c r="AK37" s="55"/>
      <c r="AL37" s="56"/>
      <c r="AM37" s="19"/>
      <c r="AN37" s="19"/>
      <c r="AO37" s="26"/>
    </row>
    <row r="38" spans="1:41" s="46" customFormat="1" ht="9.75" customHeight="1">
      <c r="A38" s="57"/>
      <c r="B38" s="131"/>
      <c r="C38" s="33"/>
      <c r="D38" s="131"/>
      <c r="E38" s="33"/>
      <c r="F38" s="58"/>
      <c r="G38" s="33"/>
      <c r="H38" s="59"/>
      <c r="I38" s="33"/>
      <c r="J38" s="59"/>
      <c r="K38" s="132"/>
      <c r="L38" s="33"/>
      <c r="M38" s="133"/>
      <c r="N38" s="60"/>
      <c r="O38" s="61"/>
      <c r="P38" s="186"/>
      <c r="Q38" s="179"/>
      <c r="R38" s="33"/>
      <c r="S38" s="61" t="s">
        <v>166</v>
      </c>
      <c r="T38" s="134" t="s">
        <v>167</v>
      </c>
      <c r="U38" s="61"/>
      <c r="V38" s="59" t="s">
        <v>30</v>
      </c>
      <c r="W38" s="60" t="s">
        <v>30</v>
      </c>
      <c r="X38" s="60" t="s">
        <v>30</v>
      </c>
      <c r="Y38" s="60" t="s">
        <v>107</v>
      </c>
      <c r="Z38" s="135"/>
      <c r="AA38" s="27"/>
      <c r="AB38" s="27"/>
      <c r="AC38" s="27"/>
      <c r="AD38" s="28"/>
      <c r="AE38" s="29"/>
      <c r="AF38" s="29"/>
      <c r="AG38" s="29"/>
      <c r="AH38" s="27"/>
      <c r="AI38" s="27"/>
      <c r="AJ38" s="27"/>
      <c r="AK38" s="27"/>
      <c r="AL38" s="28"/>
      <c r="AM38" s="29"/>
      <c r="AN38" s="29"/>
      <c r="AO38" s="30"/>
    </row>
    <row r="39" spans="1:41" s="46" customFormat="1" ht="9.75" customHeight="1">
      <c r="A39" s="57"/>
      <c r="B39" s="131"/>
      <c r="C39" s="33"/>
      <c r="D39" s="131"/>
      <c r="E39" s="33"/>
      <c r="F39" s="58"/>
      <c r="G39" s="33"/>
      <c r="H39" s="59"/>
      <c r="I39" s="33"/>
      <c r="J39" s="59"/>
      <c r="K39" s="132"/>
      <c r="L39" s="33"/>
      <c r="M39" s="133"/>
      <c r="N39" s="60"/>
      <c r="O39" s="61"/>
      <c r="P39" s="187"/>
      <c r="Q39" s="180"/>
      <c r="R39" s="33"/>
      <c r="S39" s="61"/>
      <c r="T39" s="134"/>
      <c r="U39" s="61"/>
      <c r="V39" s="59"/>
      <c r="W39" s="60"/>
      <c r="X39" s="60"/>
      <c r="Y39" s="60"/>
      <c r="Z39" s="135"/>
      <c r="AA39" s="27"/>
      <c r="AB39" s="27"/>
      <c r="AC39" s="27"/>
      <c r="AD39" s="28"/>
      <c r="AE39" s="29"/>
      <c r="AF39" s="29"/>
      <c r="AG39" s="29"/>
      <c r="AH39" s="27"/>
      <c r="AI39" s="27"/>
      <c r="AJ39" s="27"/>
      <c r="AK39" s="27"/>
      <c r="AL39" s="28"/>
      <c r="AM39" s="29"/>
      <c r="AN39" s="29"/>
      <c r="AO39" s="30"/>
    </row>
    <row r="40" spans="1:41" s="46" customFormat="1" ht="9.75" customHeight="1">
      <c r="A40" s="57"/>
      <c r="B40" s="141"/>
      <c r="C40" s="33"/>
      <c r="D40" s="34"/>
      <c r="E40" s="175" t="s">
        <v>57</v>
      </c>
      <c r="F40" s="178" t="s">
        <v>168</v>
      </c>
      <c r="G40" s="48"/>
      <c r="H40" s="50"/>
      <c r="I40" s="48"/>
      <c r="J40" s="50"/>
      <c r="K40" s="128"/>
      <c r="L40" s="48"/>
      <c r="M40" s="129"/>
      <c r="N40" s="51"/>
      <c r="O40" s="52"/>
      <c r="P40" s="52"/>
      <c r="Q40" s="76"/>
      <c r="R40" s="48"/>
      <c r="S40" s="52"/>
      <c r="T40" s="130"/>
      <c r="U40" s="52"/>
      <c r="V40" s="50"/>
      <c r="W40" s="51"/>
      <c r="X40" s="51"/>
      <c r="Y40" s="51"/>
      <c r="Z40" s="122" t="s">
        <v>3</v>
      </c>
      <c r="AA40" s="55"/>
      <c r="AB40" s="55"/>
      <c r="AC40" s="55"/>
      <c r="AD40" s="56"/>
      <c r="AE40" s="19"/>
      <c r="AF40" s="19"/>
      <c r="AG40" s="19"/>
      <c r="AH40" s="55"/>
      <c r="AI40" s="55"/>
      <c r="AJ40" s="55"/>
      <c r="AK40" s="55"/>
      <c r="AL40" s="56"/>
      <c r="AM40" s="19"/>
      <c r="AN40" s="19"/>
      <c r="AO40" s="26"/>
    </row>
    <row r="41" spans="1:41" s="46" customFormat="1" ht="9.75" customHeight="1">
      <c r="A41" s="57"/>
      <c r="B41" s="141"/>
      <c r="C41" s="33"/>
      <c r="D41" s="141"/>
      <c r="E41" s="176"/>
      <c r="F41" s="179"/>
      <c r="G41" s="33"/>
      <c r="H41" s="59" t="s">
        <v>169</v>
      </c>
      <c r="I41" s="33" t="s">
        <v>133</v>
      </c>
      <c r="J41" s="59" t="s">
        <v>170</v>
      </c>
      <c r="K41" s="132" t="s">
        <v>30</v>
      </c>
      <c r="L41" s="33"/>
      <c r="M41" s="133" t="s">
        <v>30</v>
      </c>
      <c r="N41" s="60" t="s">
        <v>171</v>
      </c>
      <c r="O41" s="61"/>
      <c r="P41" s="61"/>
      <c r="Q41" s="58"/>
      <c r="R41" s="33"/>
      <c r="S41" s="61"/>
      <c r="T41" s="134" t="s">
        <v>172</v>
      </c>
      <c r="U41" s="61"/>
      <c r="V41" s="59" t="s">
        <v>30</v>
      </c>
      <c r="W41" s="60" t="s">
        <v>30</v>
      </c>
      <c r="X41" s="60" t="s">
        <v>30</v>
      </c>
      <c r="Y41" s="60" t="s">
        <v>173</v>
      </c>
      <c r="Z41" s="135"/>
      <c r="AA41" s="27"/>
      <c r="AB41" s="27"/>
      <c r="AC41" s="27"/>
      <c r="AD41" s="28"/>
      <c r="AE41" s="29"/>
      <c r="AF41" s="29"/>
      <c r="AG41" s="29"/>
      <c r="AH41" s="27"/>
      <c r="AI41" s="27"/>
      <c r="AJ41" s="27"/>
      <c r="AK41" s="27"/>
      <c r="AL41" s="28"/>
      <c r="AM41" s="29"/>
      <c r="AN41" s="29"/>
      <c r="AO41" s="30"/>
    </row>
    <row r="42" spans="1:41" s="46" customFormat="1" ht="9.75" customHeight="1">
      <c r="A42" s="57"/>
      <c r="B42" s="141"/>
      <c r="C42" s="33"/>
      <c r="D42" s="141"/>
      <c r="E42" s="176"/>
      <c r="F42" s="179"/>
      <c r="G42" s="33"/>
      <c r="H42" s="59"/>
      <c r="I42" s="33"/>
      <c r="J42" s="59"/>
      <c r="K42" s="132"/>
      <c r="L42" s="33"/>
      <c r="M42" s="133"/>
      <c r="N42" s="60"/>
      <c r="O42" s="61"/>
      <c r="P42" s="61"/>
      <c r="Q42" s="58"/>
      <c r="R42" s="33"/>
      <c r="S42" s="61"/>
      <c r="T42" s="134"/>
      <c r="U42" s="61"/>
      <c r="V42" s="59"/>
      <c r="W42" s="60"/>
      <c r="X42" s="60"/>
      <c r="Y42" s="60"/>
      <c r="Z42" s="135"/>
      <c r="AA42" s="27"/>
      <c r="AB42" s="27"/>
      <c r="AC42" s="27"/>
      <c r="AD42" s="28"/>
      <c r="AE42" s="29"/>
      <c r="AF42" s="29"/>
      <c r="AG42" s="29"/>
      <c r="AH42" s="27"/>
      <c r="AI42" s="27"/>
      <c r="AJ42" s="27"/>
      <c r="AK42" s="27"/>
      <c r="AL42" s="28"/>
      <c r="AM42" s="29"/>
      <c r="AN42" s="29"/>
      <c r="AO42" s="30"/>
    </row>
    <row r="43" spans="1:41" s="46" customFormat="1" ht="9.75" customHeight="1">
      <c r="A43" s="57"/>
      <c r="B43" s="131"/>
      <c r="C43" s="33"/>
      <c r="D43" s="141"/>
      <c r="E43" s="33"/>
      <c r="F43" s="34"/>
      <c r="G43" s="33"/>
      <c r="H43" s="59"/>
      <c r="I43" s="33"/>
      <c r="J43" s="59"/>
      <c r="K43" s="132"/>
      <c r="L43" s="33"/>
      <c r="M43" s="133"/>
      <c r="N43" s="60"/>
      <c r="O43" s="61"/>
      <c r="P43" s="185" t="s">
        <v>174</v>
      </c>
      <c r="Q43" s="178" t="s">
        <v>175</v>
      </c>
      <c r="R43" s="48"/>
      <c r="S43" s="52"/>
      <c r="T43" s="130"/>
      <c r="U43" s="52"/>
      <c r="V43" s="50"/>
      <c r="W43" s="51"/>
      <c r="X43" s="51"/>
      <c r="Y43" s="51"/>
      <c r="Z43" s="122" t="s">
        <v>3</v>
      </c>
      <c r="AA43" s="55"/>
      <c r="AB43" s="55"/>
      <c r="AC43" s="55"/>
      <c r="AD43" s="56"/>
      <c r="AE43" s="19"/>
      <c r="AF43" s="19"/>
      <c r="AG43" s="19"/>
      <c r="AH43" s="55"/>
      <c r="AI43" s="55"/>
      <c r="AJ43" s="55"/>
      <c r="AK43" s="55"/>
      <c r="AL43" s="56"/>
      <c r="AM43" s="19"/>
      <c r="AN43" s="19"/>
      <c r="AO43" s="26"/>
    </row>
    <row r="44" spans="1:41" s="46" customFormat="1" ht="9.75" customHeight="1">
      <c r="A44" s="57"/>
      <c r="B44" s="131"/>
      <c r="C44" s="33"/>
      <c r="D44" s="141"/>
      <c r="E44" s="33"/>
      <c r="F44" s="34"/>
      <c r="G44" s="33"/>
      <c r="H44" s="59"/>
      <c r="I44" s="33"/>
      <c r="J44" s="59"/>
      <c r="K44" s="132"/>
      <c r="L44" s="33"/>
      <c r="M44" s="133"/>
      <c r="N44" s="60"/>
      <c r="O44" s="61"/>
      <c r="P44" s="186"/>
      <c r="Q44" s="179"/>
      <c r="R44" s="33"/>
      <c r="S44" s="61" t="s">
        <v>171</v>
      </c>
      <c r="T44" s="134" t="s">
        <v>172</v>
      </c>
      <c r="U44" s="61"/>
      <c r="V44" s="59" t="s">
        <v>30</v>
      </c>
      <c r="W44" s="60" t="s">
        <v>30</v>
      </c>
      <c r="X44" s="60" t="s">
        <v>30</v>
      </c>
      <c r="Y44" s="60" t="s">
        <v>173</v>
      </c>
      <c r="Z44" s="135"/>
      <c r="AA44" s="27"/>
      <c r="AB44" s="27"/>
      <c r="AC44" s="27"/>
      <c r="AD44" s="28"/>
      <c r="AE44" s="29"/>
      <c r="AF44" s="29"/>
      <c r="AG44" s="29"/>
      <c r="AH44" s="27"/>
      <c r="AI44" s="27"/>
      <c r="AJ44" s="27"/>
      <c r="AK44" s="27"/>
      <c r="AL44" s="28"/>
      <c r="AM44" s="29"/>
      <c r="AN44" s="29"/>
      <c r="AO44" s="30"/>
    </row>
    <row r="45" spans="1:41" s="46" customFormat="1" ht="9.75" customHeight="1">
      <c r="A45" s="57"/>
      <c r="B45" s="131"/>
      <c r="C45" s="33"/>
      <c r="D45" s="141"/>
      <c r="E45" s="33"/>
      <c r="F45" s="34"/>
      <c r="G45" s="33"/>
      <c r="H45" s="59"/>
      <c r="I45" s="33"/>
      <c r="J45" s="59"/>
      <c r="K45" s="132"/>
      <c r="L45" s="33"/>
      <c r="M45" s="133"/>
      <c r="N45" s="60"/>
      <c r="O45" s="61"/>
      <c r="P45" s="187"/>
      <c r="Q45" s="180"/>
      <c r="R45" s="33"/>
      <c r="S45" s="61"/>
      <c r="T45" s="134"/>
      <c r="U45" s="61"/>
      <c r="V45" s="59"/>
      <c r="W45" s="60"/>
      <c r="X45" s="60"/>
      <c r="Y45" s="60"/>
      <c r="Z45" s="135"/>
      <c r="AA45" s="27"/>
      <c r="AB45" s="27"/>
      <c r="AC45" s="27"/>
      <c r="AD45" s="28"/>
      <c r="AE45" s="29"/>
      <c r="AF45" s="29"/>
      <c r="AG45" s="29"/>
      <c r="AH45" s="27"/>
      <c r="AI45" s="27"/>
      <c r="AJ45" s="27"/>
      <c r="AK45" s="27"/>
      <c r="AL45" s="28"/>
      <c r="AM45" s="29"/>
      <c r="AN45" s="29"/>
      <c r="AO45" s="30"/>
    </row>
    <row r="46" spans="1:41" s="46" customFormat="1" ht="9.75" customHeight="1">
      <c r="A46" s="80"/>
      <c r="B46" s="142"/>
      <c r="C46" s="52"/>
      <c r="D46" s="142"/>
      <c r="E46" s="52"/>
      <c r="F46" s="76"/>
      <c r="G46" s="82"/>
      <c r="H46" s="83"/>
      <c r="I46" s="82"/>
      <c r="J46" s="83"/>
      <c r="K46" s="143"/>
      <c r="L46" s="82"/>
      <c r="M46" s="144"/>
      <c r="N46" s="84"/>
      <c r="O46" s="85"/>
      <c r="P46" s="85"/>
      <c r="Q46" s="86"/>
      <c r="R46" s="82"/>
      <c r="S46" s="85"/>
      <c r="T46" s="145"/>
      <c r="U46" s="85"/>
      <c r="V46" s="83"/>
      <c r="W46" s="84"/>
      <c r="X46" s="84"/>
      <c r="Y46" s="84"/>
      <c r="Z46" s="146" t="s">
        <v>3</v>
      </c>
      <c r="AA46" s="89"/>
      <c r="AB46" s="89"/>
      <c r="AC46" s="89"/>
      <c r="AD46" s="90"/>
      <c r="AE46" s="91"/>
      <c r="AF46" s="91"/>
      <c r="AG46" s="91"/>
      <c r="AH46" s="89"/>
      <c r="AI46" s="89"/>
      <c r="AJ46" s="89"/>
      <c r="AK46" s="89"/>
      <c r="AL46" s="90"/>
      <c r="AM46" s="91"/>
      <c r="AN46" s="91"/>
      <c r="AO46" s="92"/>
    </row>
    <row r="47" spans="1:41" s="46" customFormat="1" ht="9.75" customHeight="1">
      <c r="A47" s="181" t="s">
        <v>129</v>
      </c>
      <c r="B47" s="182"/>
      <c r="C47" s="183"/>
      <c r="D47" s="183"/>
      <c r="E47" s="183"/>
      <c r="F47" s="184"/>
      <c r="G47" s="230" t="s">
        <v>132</v>
      </c>
      <c r="H47" s="231"/>
      <c r="I47" s="35" t="s">
        <v>133</v>
      </c>
      <c r="J47" s="36" t="s">
        <v>134</v>
      </c>
      <c r="K47" s="37" t="s">
        <v>30</v>
      </c>
      <c r="L47" s="35"/>
      <c r="M47" s="36" t="s">
        <v>30</v>
      </c>
      <c r="N47" s="124" t="s">
        <v>135</v>
      </c>
      <c r="O47" s="147"/>
      <c r="P47" s="38"/>
      <c r="Q47" s="39"/>
      <c r="R47" s="35"/>
      <c r="S47" s="38"/>
      <c r="T47" s="148" t="s">
        <v>136</v>
      </c>
      <c r="U47" s="38"/>
      <c r="V47" s="36" t="s">
        <v>30</v>
      </c>
      <c r="W47" s="37" t="s">
        <v>30</v>
      </c>
      <c r="X47" s="36" t="s">
        <v>30</v>
      </c>
      <c r="Y47" s="37" t="s">
        <v>137</v>
      </c>
      <c r="Z47" s="149"/>
      <c r="AA47" s="43"/>
      <c r="AB47" s="43"/>
      <c r="AC47" s="43"/>
      <c r="AD47" s="43"/>
      <c r="AE47" s="44"/>
      <c r="AF47" s="44"/>
      <c r="AG47" s="44"/>
      <c r="AH47" s="42"/>
      <c r="AI47" s="42"/>
      <c r="AJ47" s="42"/>
      <c r="AK47" s="42"/>
      <c r="AL47" s="43"/>
      <c r="AM47" s="43"/>
      <c r="AN47" s="43"/>
      <c r="AO47" s="45"/>
    </row>
    <row r="48" spans="1:41" s="46" customFormat="1" ht="9.75" customHeight="1">
      <c r="A48" s="93"/>
      <c r="B48" s="150"/>
      <c r="C48" s="98"/>
      <c r="D48" s="150"/>
      <c r="E48" s="98"/>
      <c r="F48" s="99"/>
      <c r="G48" s="95"/>
      <c r="H48" s="96"/>
      <c r="I48" s="95"/>
      <c r="J48" s="96"/>
      <c r="K48" s="151"/>
      <c r="L48" s="95"/>
      <c r="M48" s="152"/>
      <c r="N48" s="97"/>
      <c r="O48" s="98"/>
      <c r="P48" s="98"/>
      <c r="Q48" s="99"/>
      <c r="R48" s="95"/>
      <c r="S48" s="98"/>
      <c r="T48" s="153"/>
      <c r="U48" s="98"/>
      <c r="V48" s="96"/>
      <c r="W48" s="97"/>
      <c r="X48" s="97"/>
      <c r="Y48" s="97"/>
      <c r="Z48" s="154"/>
      <c r="AA48" s="102"/>
      <c r="AB48" s="102"/>
      <c r="AC48" s="102"/>
      <c r="AD48" s="103"/>
      <c r="AE48" s="104"/>
      <c r="AF48" s="104"/>
      <c r="AG48" s="104"/>
      <c r="AH48" s="102"/>
      <c r="AI48" s="102"/>
      <c r="AJ48" s="102"/>
      <c r="AK48" s="102"/>
      <c r="AL48" s="103"/>
      <c r="AM48" s="104"/>
      <c r="AN48" s="104"/>
      <c r="AO48" s="155"/>
    </row>
    <row r="49" spans="1:41" ht="9.75" customHeight="1">
      <c r="A49" s="105"/>
      <c r="B49" s="106"/>
      <c r="C49" s="106"/>
      <c r="D49" s="106"/>
      <c r="E49" s="106"/>
      <c r="F49" s="106"/>
      <c r="G49" s="106"/>
      <c r="H49" s="106"/>
      <c r="I49" s="106"/>
      <c r="J49" s="106"/>
      <c r="K49" s="106"/>
      <c r="L49" s="106"/>
      <c r="M49" s="106"/>
      <c r="N49" s="106"/>
      <c r="O49" s="106"/>
      <c r="P49" s="106"/>
      <c r="Q49" s="106"/>
      <c r="R49" s="106"/>
      <c r="S49" s="106"/>
      <c r="T49" s="106"/>
      <c r="U49" s="106"/>
      <c r="V49" s="106"/>
      <c r="W49" s="106"/>
      <c r="X49" s="106"/>
      <c r="Y49" s="106"/>
      <c r="Z49" s="107"/>
      <c r="AA49" s="107"/>
      <c r="AB49" s="107"/>
      <c r="AC49" s="107"/>
      <c r="AD49" s="107"/>
      <c r="AE49" s="107"/>
      <c r="AF49" s="107"/>
      <c r="AG49" s="107"/>
      <c r="AH49" s="107"/>
      <c r="AI49" s="107"/>
      <c r="AJ49" s="107"/>
      <c r="AK49" s="107"/>
      <c r="AL49" s="107"/>
      <c r="AM49" s="107"/>
      <c r="AN49" s="107"/>
      <c r="AO49" s="108"/>
    </row>
    <row r="50" spans="1:41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1"/>
    </row>
    <row r="51" spans="1:41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1"/>
    </row>
    <row r="52" spans="1:41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0"/>
      <c r="AN52" s="110"/>
      <c r="AO52" s="111"/>
    </row>
    <row r="53" spans="1:41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0"/>
      <c r="AN53" s="110"/>
      <c r="AO53" s="111"/>
    </row>
    <row r="54" spans="1:41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0"/>
      <c r="AN54" s="110"/>
      <c r="AO54" s="111"/>
    </row>
    <row r="55" spans="1:41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0"/>
      <c r="AN55" s="110"/>
      <c r="AO55" s="111"/>
    </row>
    <row r="56" spans="1:41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0"/>
      <c r="AN56" s="110"/>
      <c r="AO56" s="111"/>
    </row>
    <row r="57" spans="1:41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0"/>
      <c r="AN57" s="110"/>
      <c r="AO57" s="111"/>
    </row>
    <row r="58" spans="1:41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0"/>
      <c r="AN58" s="110"/>
      <c r="AO58" s="111"/>
    </row>
    <row r="59" spans="1:41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1"/>
    </row>
    <row r="60" spans="1:41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0"/>
      <c r="AN60" s="110"/>
      <c r="AO60" s="111"/>
    </row>
    <row r="61" spans="1:41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0"/>
      <c r="AN61" s="110"/>
      <c r="AO61" s="111"/>
    </row>
    <row r="62" spans="1:41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0"/>
      <c r="AN62" s="110"/>
      <c r="AO62" s="111"/>
    </row>
    <row r="63" spans="1:41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0"/>
      <c r="AN63" s="110"/>
      <c r="AO63" s="111"/>
    </row>
    <row r="64" spans="1:41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0"/>
      <c r="AN64" s="110"/>
      <c r="AO64" s="111"/>
    </row>
    <row r="65" spans="1:41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0"/>
      <c r="AN65" s="110"/>
      <c r="AO65" s="111"/>
    </row>
    <row r="66" spans="1:41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1"/>
    </row>
    <row r="67" spans="1:41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0"/>
      <c r="AN67" s="110"/>
      <c r="AO67" s="111"/>
    </row>
    <row r="68" spans="1:41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1"/>
    </row>
    <row r="69" spans="1:41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0"/>
      <c r="AN69" s="110"/>
      <c r="AO69" s="111"/>
    </row>
    <row r="70" spans="1:41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0"/>
      <c r="AN70" s="110"/>
      <c r="AO70" s="111"/>
    </row>
    <row r="71" spans="1:41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1"/>
    </row>
    <row r="72" spans="1:41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1"/>
    </row>
    <row r="73" spans="1:41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0"/>
      <c r="AN73" s="110"/>
      <c r="AO73" s="111"/>
    </row>
    <row r="74" spans="1:41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0"/>
      <c r="AN74" s="110"/>
      <c r="AO74" s="111"/>
    </row>
    <row r="75" spans="1:41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1"/>
    </row>
    <row r="76" spans="1:41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0"/>
      <c r="AN76" s="110"/>
      <c r="AO76" s="111"/>
    </row>
    <row r="77" spans="1:41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0"/>
      <c r="AN77" s="110"/>
      <c r="AO77" s="111"/>
    </row>
    <row r="78" spans="1:41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0"/>
      <c r="AN78" s="110"/>
      <c r="AO78" s="111"/>
    </row>
    <row r="79" spans="1:41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1"/>
    </row>
    <row r="80" spans="1:41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1"/>
    </row>
    <row r="81" spans="1:41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0"/>
      <c r="AN81" s="110"/>
      <c r="AO81" s="111"/>
    </row>
    <row r="82" spans="1:41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0"/>
      <c r="AN82" s="110"/>
      <c r="AO82" s="111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47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E22:E24"/>
    <mergeCell ref="F22:F24"/>
    <mergeCell ref="P25:P27"/>
    <mergeCell ref="Q25:Q27"/>
    <mergeCell ref="E28:E30"/>
    <mergeCell ref="F28:F30"/>
    <mergeCell ref="P31:P33"/>
    <mergeCell ref="Q31:Q33"/>
    <mergeCell ref="P43:P45"/>
    <mergeCell ref="Q43:Q45"/>
    <mergeCell ref="A47:F47"/>
    <mergeCell ref="G47:H47"/>
    <mergeCell ref="P34:P36"/>
    <mergeCell ref="Q34:Q36"/>
    <mergeCell ref="P37:P39"/>
    <mergeCell ref="Q37:Q39"/>
    <mergeCell ref="E40:E42"/>
    <mergeCell ref="F40:F42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217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218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194" t="s">
        <v>219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220</v>
      </c>
      <c r="I12" s="35"/>
      <c r="J12" s="36" t="s">
        <v>221</v>
      </c>
      <c r="K12" s="37" t="s">
        <v>30</v>
      </c>
      <c r="L12" s="37" t="s">
        <v>222</v>
      </c>
      <c r="M12" s="38"/>
      <c r="N12" s="38"/>
      <c r="O12" s="39"/>
      <c r="P12" s="35"/>
      <c r="Q12" s="36"/>
      <c r="R12" s="35" t="s">
        <v>222</v>
      </c>
      <c r="S12" s="40"/>
      <c r="T12" s="41" t="s">
        <v>222</v>
      </c>
      <c r="U12" s="36" t="s">
        <v>30</v>
      </c>
      <c r="V12" s="35"/>
      <c r="W12" s="36" t="s">
        <v>3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88" t="s">
        <v>223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220</v>
      </c>
      <c r="I15" s="33"/>
      <c r="J15" s="59" t="s">
        <v>221</v>
      </c>
      <c r="K15" s="60" t="s">
        <v>30</v>
      </c>
      <c r="L15" s="60" t="s">
        <v>222</v>
      </c>
      <c r="M15" s="61"/>
      <c r="N15" s="61"/>
      <c r="O15" s="34"/>
      <c r="P15" s="33"/>
      <c r="Q15" s="59"/>
      <c r="R15" s="33" t="s">
        <v>222</v>
      </c>
      <c r="S15" s="62"/>
      <c r="T15" s="63" t="s">
        <v>222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88" t="s">
        <v>223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220</v>
      </c>
      <c r="I18" s="33"/>
      <c r="J18" s="59" t="s">
        <v>221</v>
      </c>
      <c r="K18" s="60" t="s">
        <v>30</v>
      </c>
      <c r="L18" s="60" t="s">
        <v>222</v>
      </c>
      <c r="M18" s="61"/>
      <c r="N18" s="61"/>
      <c r="O18" s="34"/>
      <c r="P18" s="33"/>
      <c r="Q18" s="59"/>
      <c r="R18" s="33" t="s">
        <v>222</v>
      </c>
      <c r="S18" s="62"/>
      <c r="T18" s="63" t="s">
        <v>222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88" t="s">
        <v>223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222</v>
      </c>
      <c r="R21" s="33" t="s">
        <v>222</v>
      </c>
      <c r="S21" s="62"/>
      <c r="T21" s="63" t="s">
        <v>222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158"/>
      <c r="B22" s="65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80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80"/>
      <c r="B23" s="81"/>
      <c r="C23" s="81"/>
      <c r="D23" s="81"/>
      <c r="E23" s="81"/>
      <c r="F23" s="81"/>
      <c r="G23" s="82"/>
      <c r="H23" s="83"/>
      <c r="I23" s="82"/>
      <c r="J23" s="83"/>
      <c r="K23" s="84"/>
      <c r="L23" s="84"/>
      <c r="M23" s="85"/>
      <c r="N23" s="85"/>
      <c r="O23" s="86"/>
      <c r="P23" s="82"/>
      <c r="Q23" s="83"/>
      <c r="R23" s="82"/>
      <c r="S23" s="87"/>
      <c r="T23" s="88"/>
      <c r="U23" s="83"/>
      <c r="V23" s="82"/>
      <c r="W23" s="83"/>
      <c r="X23" s="89" t="s">
        <v>3</v>
      </c>
      <c r="Y23" s="89"/>
      <c r="Z23" s="89"/>
      <c r="AA23" s="89"/>
      <c r="AB23" s="90"/>
      <c r="AC23" s="90"/>
      <c r="AD23" s="90"/>
      <c r="AE23" s="90"/>
      <c r="AF23" s="90"/>
      <c r="AG23" s="90"/>
      <c r="AH23" s="90"/>
      <c r="AI23" s="90"/>
      <c r="AJ23" s="90"/>
      <c r="AK23" s="91"/>
      <c r="AL23" s="91"/>
      <c r="AM23" s="92"/>
    </row>
    <row r="24" spans="1:39" s="46" customFormat="1" ht="9.75" customHeight="1">
      <c r="A24" s="181" t="s">
        <v>65</v>
      </c>
      <c r="B24" s="182"/>
      <c r="C24" s="183"/>
      <c r="D24" s="183"/>
      <c r="E24" s="183"/>
      <c r="F24" s="184"/>
      <c r="G24" s="35"/>
      <c r="H24" s="36" t="s">
        <v>220</v>
      </c>
      <c r="I24" s="35"/>
      <c r="J24" s="36" t="s">
        <v>221</v>
      </c>
      <c r="K24" s="37" t="s">
        <v>30</v>
      </c>
      <c r="L24" s="37" t="s">
        <v>222</v>
      </c>
      <c r="M24" s="38"/>
      <c r="N24" s="38"/>
      <c r="O24" s="39"/>
      <c r="P24" s="35"/>
      <c r="Q24" s="36"/>
      <c r="R24" s="35" t="s">
        <v>222</v>
      </c>
      <c r="S24" s="40"/>
      <c r="T24" s="41" t="s">
        <v>222</v>
      </c>
      <c r="U24" s="36" t="s">
        <v>30</v>
      </c>
      <c r="V24" s="35"/>
      <c r="W24" s="36" t="s">
        <v>30</v>
      </c>
      <c r="X24" s="42"/>
      <c r="Y24" s="42"/>
      <c r="Z24" s="42"/>
      <c r="AA24" s="42"/>
      <c r="AB24" s="43"/>
      <c r="AC24" s="43"/>
      <c r="AD24" s="43"/>
      <c r="AE24" s="43"/>
      <c r="AF24" s="43"/>
      <c r="AG24" s="43"/>
      <c r="AH24" s="43"/>
      <c r="AI24" s="43"/>
      <c r="AJ24" s="43"/>
      <c r="AK24" s="44"/>
      <c r="AL24" s="44"/>
      <c r="AM24" s="45"/>
    </row>
    <row r="25" spans="1:39" s="46" customFormat="1" ht="9.75" customHeight="1">
      <c r="A25" s="93"/>
      <c r="B25" s="94"/>
      <c r="C25" s="94"/>
      <c r="D25" s="94"/>
      <c r="E25" s="94"/>
      <c r="F25" s="94"/>
      <c r="G25" s="95"/>
      <c r="H25" s="96"/>
      <c r="I25" s="95"/>
      <c r="J25" s="96"/>
      <c r="K25" s="97"/>
      <c r="L25" s="97"/>
      <c r="M25" s="98"/>
      <c r="N25" s="98"/>
      <c r="O25" s="99"/>
      <c r="P25" s="95"/>
      <c r="Q25" s="96"/>
      <c r="R25" s="95"/>
      <c r="S25" s="100"/>
      <c r="T25" s="101"/>
      <c r="U25" s="96"/>
      <c r="V25" s="95"/>
      <c r="W25" s="96"/>
      <c r="X25" s="102"/>
      <c r="Y25" s="102"/>
      <c r="Z25" s="102"/>
      <c r="AA25" s="102"/>
      <c r="AB25" s="103"/>
      <c r="AC25" s="103"/>
      <c r="AD25" s="103"/>
      <c r="AE25" s="103"/>
      <c r="AF25" s="103"/>
      <c r="AG25" s="103"/>
      <c r="AH25" s="103"/>
      <c r="AI25" s="103"/>
      <c r="AJ25" s="103"/>
      <c r="AK25" s="104"/>
      <c r="AL25" s="104"/>
      <c r="AM25" s="155"/>
    </row>
    <row r="26" spans="1:39" ht="9.75" customHeight="1">
      <c r="A26" s="105"/>
      <c r="B26" s="106"/>
      <c r="C26" s="106"/>
      <c r="D26" s="106"/>
      <c r="E26" s="106"/>
      <c r="F26" s="106"/>
      <c r="G26" s="106"/>
      <c r="H26" s="106"/>
      <c r="I26" s="106"/>
      <c r="J26" s="106"/>
      <c r="K26" s="106"/>
      <c r="L26" s="106"/>
      <c r="M26" s="106"/>
      <c r="N26" s="106"/>
      <c r="O26" s="106"/>
      <c r="P26" s="106"/>
      <c r="Q26" s="106"/>
      <c r="R26" s="106"/>
      <c r="S26" s="106"/>
      <c r="T26" s="106"/>
      <c r="U26" s="106"/>
      <c r="V26" s="106"/>
      <c r="W26" s="106"/>
      <c r="X26" s="107"/>
      <c r="Y26" s="107"/>
      <c r="Z26" s="107"/>
      <c r="AA26" s="107"/>
      <c r="AB26" s="107"/>
      <c r="AC26" s="107"/>
      <c r="AD26" s="107"/>
      <c r="AE26" s="107"/>
      <c r="AF26" s="107"/>
      <c r="AG26" s="107"/>
      <c r="AH26" s="107"/>
      <c r="AI26" s="107"/>
      <c r="AJ26" s="107"/>
      <c r="AK26" s="107"/>
      <c r="AL26" s="107"/>
      <c r="AM26" s="108"/>
    </row>
    <row r="27" spans="1:39" ht="9.75" customHeight="1">
      <c r="A27" s="109"/>
      <c r="B27" s="110"/>
      <c r="C27" s="110"/>
      <c r="D27" s="110"/>
      <c r="E27" s="110"/>
      <c r="F27" s="110"/>
      <c r="G27" s="110"/>
      <c r="H27" s="110"/>
      <c r="I27" s="110"/>
      <c r="J27" s="110"/>
      <c r="K27" s="110"/>
      <c r="L27" s="110"/>
      <c r="M27" s="110"/>
      <c r="N27" s="110"/>
      <c r="O27" s="110"/>
      <c r="P27" s="110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1"/>
    </row>
    <row r="28" spans="1:39" ht="9.75" customHeight="1">
      <c r="A28" s="109"/>
      <c r="B28" s="110"/>
      <c r="C28" s="110"/>
      <c r="D28" s="110"/>
      <c r="E28" s="110"/>
      <c r="F28" s="110"/>
      <c r="G28" s="110"/>
      <c r="H28" s="110"/>
      <c r="I28" s="110"/>
      <c r="J28" s="110"/>
      <c r="K28" s="110"/>
      <c r="L28" s="110"/>
      <c r="M28" s="110"/>
      <c r="N28" s="110"/>
      <c r="O28" s="110"/>
      <c r="P28" s="110"/>
      <c r="Q28" s="110"/>
      <c r="R28" s="110"/>
      <c r="S28" s="110"/>
      <c r="T28" s="110"/>
      <c r="U28" s="110"/>
      <c r="V28" s="110"/>
      <c r="W28" s="110"/>
      <c r="X28" s="110"/>
      <c r="Y28" s="110"/>
      <c r="Z28" s="110"/>
      <c r="AA28" s="110"/>
      <c r="AB28" s="110"/>
      <c r="AC28" s="110"/>
      <c r="AD28" s="110"/>
      <c r="AE28" s="110"/>
      <c r="AF28" s="110"/>
      <c r="AG28" s="110"/>
      <c r="AH28" s="110"/>
      <c r="AI28" s="110"/>
      <c r="AJ28" s="110"/>
      <c r="AK28" s="110"/>
      <c r="AL28" s="110"/>
      <c r="AM28" s="111"/>
    </row>
    <row r="29" spans="1:39" ht="9.75" customHeight="1">
      <c r="A29" s="109"/>
      <c r="B29" s="110"/>
      <c r="C29" s="110"/>
      <c r="D29" s="110"/>
      <c r="E29" s="110"/>
      <c r="F29" s="110"/>
      <c r="G29" s="110"/>
      <c r="H29" s="110"/>
      <c r="I29" s="110"/>
      <c r="J29" s="110"/>
      <c r="K29" s="110"/>
      <c r="L29" s="110"/>
      <c r="M29" s="110"/>
      <c r="N29" s="110"/>
      <c r="O29" s="110"/>
      <c r="P29" s="110"/>
      <c r="Q29" s="110"/>
      <c r="R29" s="110"/>
      <c r="S29" s="110"/>
      <c r="T29" s="110"/>
      <c r="U29" s="110"/>
      <c r="V29" s="110"/>
      <c r="W29" s="110"/>
      <c r="X29" s="110"/>
      <c r="Y29" s="110"/>
      <c r="Z29" s="110"/>
      <c r="AA29" s="110"/>
      <c r="AB29" s="110"/>
      <c r="AC29" s="110"/>
      <c r="AD29" s="110"/>
      <c r="AE29" s="110"/>
      <c r="AF29" s="110"/>
      <c r="AG29" s="110"/>
      <c r="AH29" s="110"/>
      <c r="AI29" s="110"/>
      <c r="AJ29" s="110"/>
      <c r="AK29" s="110"/>
      <c r="AL29" s="110"/>
      <c r="AM29" s="111"/>
    </row>
    <row r="30" spans="1:39" ht="9.75" customHeight="1">
      <c r="A30" s="109"/>
      <c r="B30" s="110"/>
      <c r="C30" s="110"/>
      <c r="D30" s="110"/>
      <c r="E30" s="110"/>
      <c r="F30" s="110"/>
      <c r="G30" s="110"/>
      <c r="H30" s="110"/>
      <c r="I30" s="110"/>
      <c r="J30" s="110"/>
      <c r="K30" s="110"/>
      <c r="L30" s="110"/>
      <c r="M30" s="110"/>
      <c r="N30" s="110"/>
      <c r="O30" s="110"/>
      <c r="P30" s="110"/>
      <c r="Q30" s="110"/>
      <c r="R30" s="110"/>
      <c r="S30" s="110"/>
      <c r="T30" s="110"/>
      <c r="U30" s="110"/>
      <c r="V30" s="110"/>
      <c r="W30" s="110"/>
      <c r="X30" s="110"/>
      <c r="Y30" s="110"/>
      <c r="Z30" s="110"/>
      <c r="AA30" s="110"/>
      <c r="AB30" s="110"/>
      <c r="AC30" s="110"/>
      <c r="AD30" s="110"/>
      <c r="AE30" s="110"/>
      <c r="AF30" s="110"/>
      <c r="AG30" s="110"/>
      <c r="AH30" s="110"/>
      <c r="AI30" s="110"/>
      <c r="AJ30" s="110"/>
      <c r="AK30" s="110"/>
      <c r="AL30" s="110"/>
      <c r="AM30" s="111"/>
    </row>
    <row r="31" spans="1:39" ht="9.75" customHeight="1">
      <c r="A31" s="109"/>
      <c r="B31" s="110"/>
      <c r="C31" s="110"/>
      <c r="D31" s="110"/>
      <c r="E31" s="110"/>
      <c r="F31" s="110"/>
      <c r="G31" s="110"/>
      <c r="H31" s="110"/>
      <c r="I31" s="110"/>
      <c r="J31" s="110"/>
      <c r="K31" s="110"/>
      <c r="L31" s="110"/>
      <c r="M31" s="110"/>
      <c r="N31" s="110"/>
      <c r="O31" s="110"/>
      <c r="P31" s="110"/>
      <c r="Q31" s="110"/>
      <c r="R31" s="110"/>
      <c r="S31" s="110"/>
      <c r="T31" s="110"/>
      <c r="U31" s="110"/>
      <c r="V31" s="110"/>
      <c r="W31" s="110"/>
      <c r="X31" s="110"/>
      <c r="Y31" s="110"/>
      <c r="Z31" s="110"/>
      <c r="AA31" s="110"/>
      <c r="AB31" s="110"/>
      <c r="AC31" s="110"/>
      <c r="AD31" s="110"/>
      <c r="AE31" s="110"/>
      <c r="AF31" s="110"/>
      <c r="AG31" s="110"/>
      <c r="AH31" s="110"/>
      <c r="AI31" s="110"/>
      <c r="AJ31" s="110"/>
      <c r="AK31" s="110"/>
      <c r="AL31" s="110"/>
      <c r="AM31" s="111"/>
    </row>
    <row r="32" spans="1:39" ht="9.75" customHeight="1">
      <c r="A32" s="109"/>
      <c r="B32" s="110"/>
      <c r="C32" s="110"/>
      <c r="D32" s="110"/>
      <c r="E32" s="110"/>
      <c r="F32" s="110"/>
      <c r="G32" s="110"/>
      <c r="H32" s="110"/>
      <c r="I32" s="110"/>
      <c r="J32" s="110"/>
      <c r="K32" s="110"/>
      <c r="L32" s="110"/>
      <c r="M32" s="110"/>
      <c r="N32" s="110"/>
      <c r="O32" s="110"/>
      <c r="P32" s="110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1"/>
    </row>
    <row r="33" spans="1:39" ht="9.75" customHeight="1">
      <c r="A33" s="109"/>
      <c r="B33" s="110"/>
      <c r="C33" s="110"/>
      <c r="D33" s="110"/>
      <c r="E33" s="110"/>
      <c r="F33" s="110"/>
      <c r="G33" s="110"/>
      <c r="H33" s="110"/>
      <c r="I33" s="110"/>
      <c r="J33" s="110"/>
      <c r="K33" s="110"/>
      <c r="L33" s="110"/>
      <c r="M33" s="110"/>
      <c r="N33" s="110"/>
      <c r="O33" s="110"/>
      <c r="P33" s="110"/>
      <c r="Q33" s="110"/>
      <c r="R33" s="110"/>
      <c r="S33" s="110"/>
      <c r="T33" s="110"/>
      <c r="U33" s="110"/>
      <c r="V33" s="110"/>
      <c r="W33" s="110"/>
      <c r="X33" s="110"/>
      <c r="Y33" s="110"/>
      <c r="Z33" s="110"/>
      <c r="AA33" s="110"/>
      <c r="AB33" s="110"/>
      <c r="AC33" s="110"/>
      <c r="AD33" s="110"/>
      <c r="AE33" s="110"/>
      <c r="AF33" s="110"/>
      <c r="AG33" s="110"/>
      <c r="AH33" s="110"/>
      <c r="AI33" s="110"/>
      <c r="AJ33" s="110"/>
      <c r="AK33" s="110"/>
      <c r="AL33" s="110"/>
      <c r="AM33" s="111"/>
    </row>
    <row r="34" spans="1:39" ht="9.75" customHeight="1">
      <c r="A34" s="109"/>
      <c r="B34" s="110"/>
      <c r="C34" s="110"/>
      <c r="D34" s="110"/>
      <c r="E34" s="110"/>
      <c r="F34" s="110"/>
      <c r="G34" s="110"/>
      <c r="H34" s="110"/>
      <c r="I34" s="110"/>
      <c r="J34" s="110"/>
      <c r="K34" s="110"/>
      <c r="L34" s="110"/>
      <c r="M34" s="110"/>
      <c r="N34" s="110"/>
      <c r="O34" s="110"/>
      <c r="P34" s="110"/>
      <c r="Q34" s="110"/>
      <c r="R34" s="110"/>
      <c r="S34" s="110"/>
      <c r="T34" s="110"/>
      <c r="U34" s="110"/>
      <c r="V34" s="110"/>
      <c r="W34" s="110"/>
      <c r="X34" s="110"/>
      <c r="Y34" s="110"/>
      <c r="Z34" s="110"/>
      <c r="AA34" s="110"/>
      <c r="AB34" s="110"/>
      <c r="AC34" s="110"/>
      <c r="AD34" s="110"/>
      <c r="AE34" s="110"/>
      <c r="AF34" s="110"/>
      <c r="AG34" s="110"/>
      <c r="AH34" s="110"/>
      <c r="AI34" s="110"/>
      <c r="AJ34" s="110"/>
      <c r="AK34" s="110"/>
      <c r="AL34" s="110"/>
      <c r="AM34" s="111"/>
    </row>
    <row r="35" spans="1:39" ht="9.75" customHeight="1">
      <c r="A35" s="109"/>
      <c r="B35" s="110"/>
      <c r="C35" s="110"/>
      <c r="D35" s="110"/>
      <c r="E35" s="110"/>
      <c r="F35" s="110"/>
      <c r="G35" s="110"/>
      <c r="H35" s="110"/>
      <c r="I35" s="110"/>
      <c r="J35" s="110"/>
      <c r="K35" s="110"/>
      <c r="L35" s="110"/>
      <c r="M35" s="110"/>
      <c r="N35" s="110"/>
      <c r="O35" s="110"/>
      <c r="P35" s="110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1"/>
    </row>
    <row r="36" spans="1:39" ht="9.75" customHeight="1">
      <c r="A36" s="109"/>
      <c r="B36" s="110"/>
      <c r="C36" s="110"/>
      <c r="D36" s="110"/>
      <c r="E36" s="110"/>
      <c r="F36" s="110"/>
      <c r="G36" s="110"/>
      <c r="H36" s="110"/>
      <c r="I36" s="110"/>
      <c r="J36" s="110"/>
      <c r="K36" s="110"/>
      <c r="L36" s="110"/>
      <c r="M36" s="110"/>
      <c r="N36" s="110"/>
      <c r="O36" s="110"/>
      <c r="P36" s="110"/>
      <c r="Q36" s="110"/>
      <c r="R36" s="110"/>
      <c r="S36" s="110"/>
      <c r="T36" s="110"/>
      <c r="U36" s="110"/>
      <c r="V36" s="110"/>
      <c r="W36" s="110"/>
      <c r="X36" s="110"/>
      <c r="Y36" s="110"/>
      <c r="Z36" s="110"/>
      <c r="AA36" s="110"/>
      <c r="AB36" s="110"/>
      <c r="AC36" s="110"/>
      <c r="AD36" s="110"/>
      <c r="AE36" s="110"/>
      <c r="AF36" s="110"/>
      <c r="AG36" s="110"/>
      <c r="AH36" s="110"/>
      <c r="AI36" s="110"/>
      <c r="AJ36" s="110"/>
      <c r="AK36" s="110"/>
      <c r="AL36" s="110"/>
      <c r="AM36" s="111"/>
    </row>
    <row r="37" spans="1:39" ht="9.75" customHeight="1">
      <c r="A37" s="109"/>
      <c r="B37" s="110"/>
      <c r="C37" s="110"/>
      <c r="D37" s="110"/>
      <c r="E37" s="110"/>
      <c r="F37" s="110"/>
      <c r="G37" s="110"/>
      <c r="H37" s="110"/>
      <c r="I37" s="110"/>
      <c r="J37" s="110"/>
      <c r="K37" s="110"/>
      <c r="L37" s="110"/>
      <c r="M37" s="110"/>
      <c r="N37" s="110"/>
      <c r="O37" s="110"/>
      <c r="P37" s="110"/>
      <c r="Q37" s="110"/>
      <c r="R37" s="110"/>
      <c r="S37" s="110"/>
      <c r="T37" s="110"/>
      <c r="U37" s="110"/>
      <c r="V37" s="110"/>
      <c r="W37" s="110"/>
      <c r="X37" s="110"/>
      <c r="Y37" s="110"/>
      <c r="Z37" s="110"/>
      <c r="AA37" s="110"/>
      <c r="AB37" s="110"/>
      <c r="AC37" s="110"/>
      <c r="AD37" s="110"/>
      <c r="AE37" s="110"/>
      <c r="AF37" s="110"/>
      <c r="AG37" s="110"/>
      <c r="AH37" s="110"/>
      <c r="AI37" s="110"/>
      <c r="AJ37" s="110"/>
      <c r="AK37" s="110"/>
      <c r="AL37" s="110"/>
      <c r="AM37" s="111"/>
    </row>
    <row r="38" spans="1:39" ht="9.75" customHeight="1">
      <c r="A38" s="109"/>
      <c r="B38" s="110"/>
      <c r="C38" s="110"/>
      <c r="D38" s="110"/>
      <c r="E38" s="110"/>
      <c r="F38" s="110"/>
      <c r="G38" s="110"/>
      <c r="H38" s="110"/>
      <c r="I38" s="110"/>
      <c r="J38" s="110"/>
      <c r="K38" s="110"/>
      <c r="L38" s="110"/>
      <c r="M38" s="110"/>
      <c r="N38" s="110"/>
      <c r="O38" s="110"/>
      <c r="P38" s="110"/>
      <c r="Q38" s="110"/>
      <c r="R38" s="110"/>
      <c r="S38" s="110"/>
      <c r="T38" s="110"/>
      <c r="U38" s="110"/>
      <c r="V38" s="110"/>
      <c r="W38" s="110"/>
      <c r="X38" s="110"/>
      <c r="Y38" s="110"/>
      <c r="Z38" s="110"/>
      <c r="AA38" s="110"/>
      <c r="AB38" s="110"/>
      <c r="AC38" s="110"/>
      <c r="AD38" s="110"/>
      <c r="AE38" s="110"/>
      <c r="AF38" s="110"/>
      <c r="AG38" s="110"/>
      <c r="AH38" s="110"/>
      <c r="AI38" s="110"/>
      <c r="AJ38" s="110"/>
      <c r="AK38" s="110"/>
      <c r="AL38" s="110"/>
      <c r="AM38" s="111"/>
    </row>
    <row r="39" spans="1:39" ht="9.75" customHeight="1">
      <c r="A39" s="109"/>
      <c r="B39" s="110"/>
      <c r="C39" s="110"/>
      <c r="D39" s="110"/>
      <c r="E39" s="110"/>
      <c r="F39" s="110"/>
      <c r="G39" s="110"/>
      <c r="H39" s="110"/>
      <c r="I39" s="110"/>
      <c r="J39" s="110"/>
      <c r="K39" s="110"/>
      <c r="L39" s="110"/>
      <c r="M39" s="110"/>
      <c r="N39" s="110"/>
      <c r="O39" s="110"/>
      <c r="P39" s="110"/>
      <c r="Q39" s="110"/>
      <c r="R39" s="110"/>
      <c r="S39" s="110"/>
      <c r="T39" s="110"/>
      <c r="U39" s="110"/>
      <c r="V39" s="110"/>
      <c r="W39" s="110"/>
      <c r="X39" s="110"/>
      <c r="Y39" s="110"/>
      <c r="Z39" s="110"/>
      <c r="AA39" s="110"/>
      <c r="AB39" s="110"/>
      <c r="AC39" s="110"/>
      <c r="AD39" s="110"/>
      <c r="AE39" s="110"/>
      <c r="AF39" s="110"/>
      <c r="AG39" s="110"/>
      <c r="AH39" s="110"/>
      <c r="AI39" s="110"/>
      <c r="AJ39" s="110"/>
      <c r="AK39" s="110"/>
      <c r="AL39" s="110"/>
      <c r="AM39" s="111"/>
    </row>
    <row r="40" spans="1:39" ht="9.75" customHeight="1">
      <c r="A40" s="109"/>
      <c r="B40" s="110"/>
      <c r="C40" s="110"/>
      <c r="D40" s="110"/>
      <c r="E40" s="110"/>
      <c r="F40" s="110"/>
      <c r="G40" s="110"/>
      <c r="H40" s="110"/>
      <c r="I40" s="110"/>
      <c r="J40" s="110"/>
      <c r="K40" s="110"/>
      <c r="L40" s="110"/>
      <c r="M40" s="110"/>
      <c r="N40" s="110"/>
      <c r="O40" s="110"/>
      <c r="P40" s="110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0"/>
      <c r="AJ40" s="110"/>
      <c r="AK40" s="110"/>
      <c r="AL40" s="110"/>
      <c r="AM40" s="111"/>
    </row>
    <row r="41" spans="1:39" ht="9.75" customHeight="1">
      <c r="A41" s="109"/>
      <c r="B41" s="110"/>
      <c r="C41" s="110"/>
      <c r="D41" s="110"/>
      <c r="E41" s="110"/>
      <c r="F41" s="110"/>
      <c r="G41" s="110"/>
      <c r="H41" s="110"/>
      <c r="I41" s="110"/>
      <c r="J41" s="110"/>
      <c r="K41" s="110"/>
      <c r="L41" s="110"/>
      <c r="M41" s="110"/>
      <c r="N41" s="110"/>
      <c r="O41" s="110"/>
      <c r="P41" s="110"/>
      <c r="Q41" s="110"/>
      <c r="R41" s="110"/>
      <c r="S41" s="110"/>
      <c r="T41" s="110"/>
      <c r="U41" s="110"/>
      <c r="V41" s="110"/>
      <c r="W41" s="110"/>
      <c r="X41" s="110"/>
      <c r="Y41" s="110"/>
      <c r="Z41" s="110"/>
      <c r="AA41" s="110"/>
      <c r="AB41" s="110"/>
      <c r="AC41" s="110"/>
      <c r="AD41" s="110"/>
      <c r="AE41" s="110"/>
      <c r="AF41" s="110"/>
      <c r="AG41" s="110"/>
      <c r="AH41" s="110"/>
      <c r="AI41" s="110"/>
      <c r="AJ41" s="110"/>
      <c r="AK41" s="110"/>
      <c r="AL41" s="110"/>
      <c r="AM41" s="111"/>
    </row>
    <row r="42" spans="1:39" ht="9.75" customHeight="1">
      <c r="A42" s="109"/>
      <c r="B42" s="110"/>
      <c r="C42" s="110"/>
      <c r="D42" s="110"/>
      <c r="E42" s="110"/>
      <c r="F42" s="110"/>
      <c r="G42" s="110"/>
      <c r="H42" s="110"/>
      <c r="I42" s="110"/>
      <c r="J42" s="110"/>
      <c r="K42" s="110"/>
      <c r="L42" s="110"/>
      <c r="M42" s="110"/>
      <c r="N42" s="110"/>
      <c r="O42" s="110"/>
      <c r="P42" s="110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1"/>
    </row>
    <row r="43" spans="1:39" ht="9.75" customHeight="1">
      <c r="A43" s="109"/>
      <c r="B43" s="110"/>
      <c r="C43" s="110"/>
      <c r="D43" s="110"/>
      <c r="E43" s="110"/>
      <c r="F43" s="110"/>
      <c r="G43" s="110"/>
      <c r="H43" s="110"/>
      <c r="I43" s="110"/>
      <c r="J43" s="110"/>
      <c r="K43" s="110"/>
      <c r="L43" s="110"/>
      <c r="M43" s="110"/>
      <c r="N43" s="110"/>
      <c r="O43" s="110"/>
      <c r="P43" s="110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1"/>
    </row>
    <row r="44" spans="1:39" ht="9.75" customHeight="1">
      <c r="A44" s="109"/>
      <c r="B44" s="110"/>
      <c r="C44" s="110"/>
      <c r="D44" s="110"/>
      <c r="E44" s="110"/>
      <c r="F44" s="110"/>
      <c r="G44" s="110"/>
      <c r="H44" s="110"/>
      <c r="I44" s="110"/>
      <c r="J44" s="110"/>
      <c r="K44" s="110"/>
      <c r="L44" s="110"/>
      <c r="M44" s="110"/>
      <c r="N44" s="110"/>
      <c r="O44" s="110"/>
      <c r="P44" s="110"/>
      <c r="Q44" s="110"/>
      <c r="R44" s="110"/>
      <c r="S44" s="110"/>
      <c r="T44" s="110"/>
      <c r="U44" s="110"/>
      <c r="V44" s="110"/>
      <c r="W44" s="110"/>
      <c r="X44" s="110"/>
      <c r="Y44" s="110"/>
      <c r="Z44" s="110"/>
      <c r="AA44" s="110"/>
      <c r="AB44" s="110"/>
      <c r="AC44" s="110"/>
      <c r="AD44" s="110"/>
      <c r="AE44" s="110"/>
      <c r="AF44" s="110"/>
      <c r="AG44" s="110"/>
      <c r="AH44" s="110"/>
      <c r="AI44" s="110"/>
      <c r="AJ44" s="110"/>
      <c r="AK44" s="110"/>
      <c r="AL44" s="110"/>
      <c r="AM44" s="111"/>
    </row>
    <row r="45" spans="1:39" ht="9.75" customHeight="1">
      <c r="A45" s="109"/>
      <c r="B45" s="110"/>
      <c r="C45" s="110"/>
      <c r="D45" s="110"/>
      <c r="E45" s="110"/>
      <c r="F45" s="110"/>
      <c r="G45" s="110"/>
      <c r="H45" s="110"/>
      <c r="I45" s="110"/>
      <c r="J45" s="110"/>
      <c r="K45" s="110"/>
      <c r="L45" s="110"/>
      <c r="M45" s="110"/>
      <c r="N45" s="110"/>
      <c r="O45" s="110"/>
      <c r="P45" s="110"/>
      <c r="Q45" s="110"/>
      <c r="R45" s="110"/>
      <c r="S45" s="110"/>
      <c r="T45" s="110"/>
      <c r="U45" s="110"/>
      <c r="V45" s="110"/>
      <c r="W45" s="110"/>
      <c r="X45" s="110"/>
      <c r="Y45" s="110"/>
      <c r="Z45" s="110"/>
      <c r="AA45" s="110"/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0"/>
      <c r="AM45" s="111"/>
    </row>
    <row r="46" spans="1:39" ht="9.75" customHeight="1">
      <c r="A46" s="109"/>
      <c r="B46" s="110"/>
      <c r="C46" s="110"/>
      <c r="D46" s="110"/>
      <c r="E46" s="110"/>
      <c r="F46" s="110"/>
      <c r="G46" s="110"/>
      <c r="H46" s="110"/>
      <c r="I46" s="110"/>
      <c r="J46" s="110"/>
      <c r="K46" s="110"/>
      <c r="L46" s="110"/>
      <c r="M46" s="110"/>
      <c r="N46" s="110"/>
      <c r="O46" s="110"/>
      <c r="P46" s="110"/>
      <c r="Q46" s="110"/>
      <c r="R46" s="110"/>
      <c r="S46" s="110"/>
      <c r="T46" s="110"/>
      <c r="U46" s="110"/>
      <c r="V46" s="110"/>
      <c r="W46" s="110"/>
      <c r="X46" s="110"/>
      <c r="Y46" s="110"/>
      <c r="Z46" s="110"/>
      <c r="AA46" s="110"/>
      <c r="AB46" s="110"/>
      <c r="AC46" s="110"/>
      <c r="AD46" s="110"/>
      <c r="AE46" s="110"/>
      <c r="AF46" s="110"/>
      <c r="AG46" s="110"/>
      <c r="AH46" s="110"/>
      <c r="AI46" s="110"/>
      <c r="AJ46" s="110"/>
      <c r="AK46" s="110"/>
      <c r="AL46" s="110"/>
      <c r="AM46" s="111"/>
    </row>
    <row r="47" spans="1:39" ht="9.75" customHeight="1">
      <c r="A47" s="109"/>
      <c r="B47" s="110"/>
      <c r="C47" s="110"/>
      <c r="D47" s="110"/>
      <c r="E47" s="110"/>
      <c r="F47" s="110"/>
      <c r="G47" s="110"/>
      <c r="H47" s="110"/>
      <c r="I47" s="110"/>
      <c r="J47" s="110"/>
      <c r="K47" s="110"/>
      <c r="L47" s="110"/>
      <c r="M47" s="110"/>
      <c r="N47" s="110"/>
      <c r="O47" s="110"/>
      <c r="P47" s="110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1"/>
    </row>
    <row r="48" spans="1:39" ht="9.75" customHeight="1">
      <c r="A48" s="109"/>
      <c r="B48" s="110"/>
      <c r="C48" s="110"/>
      <c r="D48" s="110"/>
      <c r="E48" s="110"/>
      <c r="F48" s="110"/>
      <c r="G48" s="110"/>
      <c r="H48" s="110"/>
      <c r="I48" s="110"/>
      <c r="J48" s="110"/>
      <c r="K48" s="110"/>
      <c r="L48" s="110"/>
      <c r="M48" s="110"/>
      <c r="N48" s="110"/>
      <c r="O48" s="110"/>
      <c r="P48" s="110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1"/>
    </row>
    <row r="49" spans="1:39" ht="9.75" customHeight="1">
      <c r="A49" s="109"/>
      <c r="B49" s="110"/>
      <c r="C49" s="110"/>
      <c r="D49" s="110"/>
      <c r="E49" s="110"/>
      <c r="F49" s="110"/>
      <c r="G49" s="110"/>
      <c r="H49" s="110"/>
      <c r="I49" s="110"/>
      <c r="J49" s="110"/>
      <c r="K49" s="110"/>
      <c r="L49" s="110"/>
      <c r="M49" s="110"/>
      <c r="N49" s="110"/>
      <c r="O49" s="110"/>
      <c r="P49" s="110"/>
      <c r="Q49" s="110"/>
      <c r="R49" s="110"/>
      <c r="S49" s="110"/>
      <c r="T49" s="110"/>
      <c r="U49" s="110"/>
      <c r="V49" s="110"/>
      <c r="W49" s="110"/>
      <c r="X49" s="110"/>
      <c r="Y49" s="110"/>
      <c r="Z49" s="110"/>
      <c r="AA49" s="110"/>
      <c r="AB49" s="110"/>
      <c r="AC49" s="110"/>
      <c r="AD49" s="110"/>
      <c r="AE49" s="110"/>
      <c r="AF49" s="110"/>
      <c r="AG49" s="110"/>
      <c r="AH49" s="110"/>
      <c r="AI49" s="110"/>
      <c r="AJ49" s="110"/>
      <c r="AK49" s="110"/>
      <c r="AL49" s="110"/>
      <c r="AM49" s="111"/>
    </row>
    <row r="50" spans="1:39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1"/>
    </row>
    <row r="51" spans="1:39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1"/>
    </row>
    <row r="52" spans="1:39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1"/>
    </row>
    <row r="53" spans="1:39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1"/>
    </row>
    <row r="54" spans="1:39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1"/>
    </row>
    <row r="55" spans="1:39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1"/>
    </row>
    <row r="56" spans="1:39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1"/>
    </row>
    <row r="57" spans="1:39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1"/>
    </row>
    <row r="58" spans="1:39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1"/>
    </row>
    <row r="59" spans="1:39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1"/>
    </row>
    <row r="60" spans="1:39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1"/>
    </row>
    <row r="61" spans="1:39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1"/>
    </row>
    <row r="62" spans="1:39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1"/>
    </row>
    <row r="63" spans="1:39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1"/>
    </row>
    <row r="64" spans="1:39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1"/>
    </row>
    <row r="65" spans="1:39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1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27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X5:AM9"/>
    <mergeCell ref="G6:H9"/>
    <mergeCell ref="I6:J9"/>
    <mergeCell ref="K6:K9"/>
    <mergeCell ref="L6:L9"/>
    <mergeCell ref="N6:Q6"/>
    <mergeCell ref="N7:O9"/>
    <mergeCell ref="P7:Q9"/>
    <mergeCell ref="N20:N22"/>
    <mergeCell ref="O20:O22"/>
    <mergeCell ref="A24:F24"/>
    <mergeCell ref="A11:A13"/>
    <mergeCell ref="B11:B13"/>
    <mergeCell ref="C14:C16"/>
    <mergeCell ref="D14:D16"/>
    <mergeCell ref="E17:E19"/>
    <mergeCell ref="F17:F19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2" max="84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224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257" t="s">
        <v>225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90"/>
      <c r="C11" s="35"/>
      <c r="D11" s="123"/>
      <c r="E11" s="35"/>
      <c r="F11" s="75"/>
      <c r="G11" s="35"/>
      <c r="H11" s="36" t="s">
        <v>220</v>
      </c>
      <c r="I11" s="35"/>
      <c r="J11" s="36" t="s">
        <v>221</v>
      </c>
      <c r="K11" s="124" t="s">
        <v>30</v>
      </c>
      <c r="L11" s="35"/>
      <c r="M11" s="125" t="s">
        <v>30</v>
      </c>
      <c r="N11" s="37" t="s">
        <v>222</v>
      </c>
      <c r="O11" s="38"/>
      <c r="P11" s="186"/>
      <c r="Q11" s="234"/>
      <c r="R11" s="35"/>
      <c r="S11" s="38"/>
      <c r="T11" s="126" t="s">
        <v>222</v>
      </c>
      <c r="U11" s="38"/>
      <c r="V11" s="36" t="s">
        <v>30</v>
      </c>
      <c r="W11" s="37" t="s">
        <v>30</v>
      </c>
      <c r="X11" s="37" t="s">
        <v>30</v>
      </c>
      <c r="Y11" s="37" t="s">
        <v>30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90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78" t="s">
        <v>125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220</v>
      </c>
      <c r="I14" s="33"/>
      <c r="J14" s="59" t="s">
        <v>221</v>
      </c>
      <c r="K14" s="132" t="s">
        <v>30</v>
      </c>
      <c r="L14" s="33"/>
      <c r="M14" s="133" t="s">
        <v>30</v>
      </c>
      <c r="N14" s="60" t="s">
        <v>222</v>
      </c>
      <c r="O14" s="61"/>
      <c r="P14" s="61"/>
      <c r="Q14" s="34"/>
      <c r="R14" s="33"/>
      <c r="S14" s="61"/>
      <c r="T14" s="134" t="s">
        <v>222</v>
      </c>
      <c r="U14" s="61"/>
      <c r="V14" s="59" t="s">
        <v>30</v>
      </c>
      <c r="W14" s="60" t="s">
        <v>30</v>
      </c>
      <c r="X14" s="60" t="s">
        <v>30</v>
      </c>
      <c r="Y14" s="60" t="s">
        <v>30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88" t="s">
        <v>226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79"/>
      <c r="G17" s="33"/>
      <c r="H17" s="59" t="s">
        <v>50</v>
      </c>
      <c r="I17" s="33"/>
      <c r="J17" s="59" t="s">
        <v>26</v>
      </c>
      <c r="K17" s="132" t="s">
        <v>30</v>
      </c>
      <c r="L17" s="33"/>
      <c r="M17" s="133" t="s">
        <v>30</v>
      </c>
      <c r="N17" s="60" t="s">
        <v>51</v>
      </c>
      <c r="O17" s="61"/>
      <c r="P17" s="61"/>
      <c r="Q17" s="34"/>
      <c r="R17" s="33"/>
      <c r="S17" s="61"/>
      <c r="T17" s="134" t="s">
        <v>51</v>
      </c>
      <c r="U17" s="61"/>
      <c r="V17" s="59" t="s">
        <v>30</v>
      </c>
      <c r="W17" s="60" t="s">
        <v>30</v>
      </c>
      <c r="X17" s="60" t="s">
        <v>30</v>
      </c>
      <c r="Y17" s="60" t="s">
        <v>30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79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24</v>
      </c>
      <c r="Q19" s="178" t="s">
        <v>125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51</v>
      </c>
      <c r="T20" s="134" t="s">
        <v>51</v>
      </c>
      <c r="U20" s="61"/>
      <c r="V20" s="59" t="s">
        <v>30</v>
      </c>
      <c r="W20" s="60" t="s">
        <v>30</v>
      </c>
      <c r="X20" s="60" t="s">
        <v>30</v>
      </c>
      <c r="Y20" s="60" t="s">
        <v>30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33"/>
      <c r="D21" s="131"/>
      <c r="E21" s="33"/>
      <c r="F21" s="58"/>
      <c r="G21" s="33"/>
      <c r="H21" s="59"/>
      <c r="I21" s="33"/>
      <c r="J21" s="59"/>
      <c r="K21" s="132"/>
      <c r="L21" s="33"/>
      <c r="M21" s="133"/>
      <c r="N21" s="60"/>
      <c r="O21" s="61"/>
      <c r="P21" s="187"/>
      <c r="Q21" s="180"/>
      <c r="R21" s="33"/>
      <c r="S21" s="61"/>
      <c r="T21" s="134"/>
      <c r="U21" s="61"/>
      <c r="V21" s="59"/>
      <c r="W21" s="60"/>
      <c r="X21" s="60"/>
      <c r="Y21" s="60"/>
      <c r="Z21" s="135"/>
      <c r="AA21" s="27"/>
      <c r="AB21" s="27"/>
      <c r="AC21" s="27"/>
      <c r="AD21" s="28"/>
      <c r="AE21" s="29"/>
      <c r="AF21" s="29"/>
      <c r="AG21" s="29"/>
      <c r="AH21" s="27"/>
      <c r="AI21" s="27"/>
      <c r="AJ21" s="27"/>
      <c r="AK21" s="27"/>
      <c r="AL21" s="28"/>
      <c r="AM21" s="29"/>
      <c r="AN21" s="29"/>
      <c r="AO21" s="30"/>
    </row>
    <row r="22" spans="1:41" s="46" customFormat="1" ht="9.75" customHeight="1">
      <c r="A22" s="57"/>
      <c r="B22" s="141"/>
      <c r="C22" s="33"/>
      <c r="D22" s="34"/>
      <c r="E22" s="175" t="s">
        <v>36</v>
      </c>
      <c r="F22" s="189" t="s">
        <v>227</v>
      </c>
      <c r="G22" s="48"/>
      <c r="H22" s="50"/>
      <c r="I22" s="48"/>
      <c r="J22" s="50"/>
      <c r="K22" s="128"/>
      <c r="L22" s="48"/>
      <c r="M22" s="129"/>
      <c r="N22" s="51"/>
      <c r="O22" s="52"/>
      <c r="P22" s="52"/>
      <c r="Q22" s="76"/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41"/>
      <c r="C23" s="33"/>
      <c r="D23" s="141"/>
      <c r="E23" s="176"/>
      <c r="F23" s="190"/>
      <c r="G23" s="33"/>
      <c r="H23" s="59" t="s">
        <v>50</v>
      </c>
      <c r="I23" s="33"/>
      <c r="J23" s="59" t="s">
        <v>26</v>
      </c>
      <c r="K23" s="132" t="s">
        <v>30</v>
      </c>
      <c r="L23" s="33"/>
      <c r="M23" s="133" t="s">
        <v>30</v>
      </c>
      <c r="N23" s="60" t="s">
        <v>51</v>
      </c>
      <c r="O23" s="61"/>
      <c r="P23" s="61"/>
      <c r="Q23" s="58"/>
      <c r="R23" s="33"/>
      <c r="S23" s="61"/>
      <c r="T23" s="134" t="s">
        <v>51</v>
      </c>
      <c r="U23" s="61"/>
      <c r="V23" s="59" t="s">
        <v>30</v>
      </c>
      <c r="W23" s="60" t="s">
        <v>30</v>
      </c>
      <c r="X23" s="60" t="s">
        <v>30</v>
      </c>
      <c r="Y23" s="60" t="s">
        <v>30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41"/>
      <c r="C24" s="33"/>
      <c r="D24" s="141"/>
      <c r="E24" s="176"/>
      <c r="F24" s="190"/>
      <c r="G24" s="33"/>
      <c r="H24" s="59"/>
      <c r="I24" s="33"/>
      <c r="J24" s="59"/>
      <c r="K24" s="132"/>
      <c r="L24" s="33"/>
      <c r="M24" s="133"/>
      <c r="N24" s="60"/>
      <c r="O24" s="61"/>
      <c r="P24" s="61"/>
      <c r="Q24" s="58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141"/>
      <c r="E25" s="33"/>
      <c r="F25" s="34"/>
      <c r="G25" s="33"/>
      <c r="H25" s="59"/>
      <c r="I25" s="33"/>
      <c r="J25" s="59"/>
      <c r="K25" s="132"/>
      <c r="L25" s="33"/>
      <c r="M25" s="133"/>
      <c r="N25" s="60"/>
      <c r="O25" s="61"/>
      <c r="P25" s="185" t="s">
        <v>124</v>
      </c>
      <c r="Q25" s="178" t="s">
        <v>125</v>
      </c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41"/>
      <c r="E26" s="33"/>
      <c r="F26" s="34"/>
      <c r="G26" s="33"/>
      <c r="H26" s="59"/>
      <c r="I26" s="33"/>
      <c r="J26" s="59"/>
      <c r="K26" s="132"/>
      <c r="L26" s="33"/>
      <c r="M26" s="133"/>
      <c r="N26" s="60"/>
      <c r="O26" s="61"/>
      <c r="P26" s="186"/>
      <c r="Q26" s="179"/>
      <c r="R26" s="33"/>
      <c r="S26" s="61" t="s">
        <v>51</v>
      </c>
      <c r="T26" s="134" t="s">
        <v>51</v>
      </c>
      <c r="U26" s="61"/>
      <c r="V26" s="59" t="s">
        <v>30</v>
      </c>
      <c r="W26" s="60" t="s">
        <v>30</v>
      </c>
      <c r="X26" s="60" t="s">
        <v>30</v>
      </c>
      <c r="Y26" s="60" t="s">
        <v>30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41"/>
      <c r="E27" s="33"/>
      <c r="F27" s="34"/>
      <c r="G27" s="33"/>
      <c r="H27" s="59"/>
      <c r="I27" s="33"/>
      <c r="J27" s="59"/>
      <c r="K27" s="132"/>
      <c r="L27" s="33"/>
      <c r="M27" s="133"/>
      <c r="N27" s="60"/>
      <c r="O27" s="61"/>
      <c r="P27" s="187"/>
      <c r="Q27" s="180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80"/>
      <c r="B28" s="142"/>
      <c r="C28" s="52"/>
      <c r="D28" s="142"/>
      <c r="E28" s="52"/>
      <c r="F28" s="76"/>
      <c r="G28" s="82"/>
      <c r="H28" s="83"/>
      <c r="I28" s="82"/>
      <c r="J28" s="83"/>
      <c r="K28" s="143"/>
      <c r="L28" s="82"/>
      <c r="M28" s="144"/>
      <c r="N28" s="84"/>
      <c r="O28" s="85"/>
      <c r="P28" s="85"/>
      <c r="Q28" s="86"/>
      <c r="R28" s="82"/>
      <c r="S28" s="85"/>
      <c r="T28" s="145"/>
      <c r="U28" s="85"/>
      <c r="V28" s="83"/>
      <c r="W28" s="84"/>
      <c r="X28" s="84"/>
      <c r="Y28" s="84"/>
      <c r="Z28" s="146" t="s">
        <v>3</v>
      </c>
      <c r="AA28" s="89"/>
      <c r="AB28" s="89"/>
      <c r="AC28" s="89"/>
      <c r="AD28" s="90"/>
      <c r="AE28" s="91"/>
      <c r="AF28" s="91"/>
      <c r="AG28" s="91"/>
      <c r="AH28" s="89"/>
      <c r="AI28" s="89"/>
      <c r="AJ28" s="89"/>
      <c r="AK28" s="89"/>
      <c r="AL28" s="90"/>
      <c r="AM28" s="91"/>
      <c r="AN28" s="91"/>
      <c r="AO28" s="92"/>
    </row>
    <row r="29" spans="1:41" s="46" customFormat="1" ht="9.75" customHeight="1">
      <c r="A29" s="181" t="s">
        <v>129</v>
      </c>
      <c r="B29" s="182"/>
      <c r="C29" s="183"/>
      <c r="D29" s="183"/>
      <c r="E29" s="183"/>
      <c r="F29" s="184"/>
      <c r="G29" s="230" t="s">
        <v>220</v>
      </c>
      <c r="H29" s="231"/>
      <c r="I29" s="35"/>
      <c r="J29" s="36" t="s">
        <v>221</v>
      </c>
      <c r="K29" s="37" t="s">
        <v>30</v>
      </c>
      <c r="L29" s="35"/>
      <c r="M29" s="36" t="s">
        <v>30</v>
      </c>
      <c r="N29" s="124" t="s">
        <v>222</v>
      </c>
      <c r="O29" s="147"/>
      <c r="P29" s="38"/>
      <c r="Q29" s="39"/>
      <c r="R29" s="35"/>
      <c r="S29" s="38"/>
      <c r="T29" s="148" t="s">
        <v>222</v>
      </c>
      <c r="U29" s="38"/>
      <c r="V29" s="36" t="s">
        <v>30</v>
      </c>
      <c r="W29" s="37" t="s">
        <v>30</v>
      </c>
      <c r="X29" s="36" t="s">
        <v>30</v>
      </c>
      <c r="Y29" s="37" t="s">
        <v>30</v>
      </c>
      <c r="Z29" s="149"/>
      <c r="AA29" s="43"/>
      <c r="AB29" s="43"/>
      <c r="AC29" s="43"/>
      <c r="AD29" s="43"/>
      <c r="AE29" s="44"/>
      <c r="AF29" s="44"/>
      <c r="AG29" s="44"/>
      <c r="AH29" s="42"/>
      <c r="AI29" s="42"/>
      <c r="AJ29" s="42"/>
      <c r="AK29" s="42"/>
      <c r="AL29" s="43"/>
      <c r="AM29" s="43"/>
      <c r="AN29" s="43"/>
      <c r="AO29" s="45"/>
    </row>
    <row r="30" spans="1:41" s="46" customFormat="1" ht="9.75" customHeight="1">
      <c r="A30" s="93"/>
      <c r="B30" s="150"/>
      <c r="C30" s="98"/>
      <c r="D30" s="150"/>
      <c r="E30" s="98"/>
      <c r="F30" s="99"/>
      <c r="G30" s="95"/>
      <c r="H30" s="96"/>
      <c r="I30" s="95"/>
      <c r="J30" s="96"/>
      <c r="K30" s="151"/>
      <c r="L30" s="95"/>
      <c r="M30" s="152"/>
      <c r="N30" s="97"/>
      <c r="O30" s="98"/>
      <c r="P30" s="98"/>
      <c r="Q30" s="99"/>
      <c r="R30" s="95"/>
      <c r="S30" s="98"/>
      <c r="T30" s="153"/>
      <c r="U30" s="98"/>
      <c r="V30" s="96"/>
      <c r="W30" s="97"/>
      <c r="X30" s="97"/>
      <c r="Y30" s="97"/>
      <c r="Z30" s="154"/>
      <c r="AA30" s="102"/>
      <c r="AB30" s="102"/>
      <c r="AC30" s="102"/>
      <c r="AD30" s="103"/>
      <c r="AE30" s="104"/>
      <c r="AF30" s="104"/>
      <c r="AG30" s="104"/>
      <c r="AH30" s="102"/>
      <c r="AI30" s="102"/>
      <c r="AJ30" s="102"/>
      <c r="AK30" s="102"/>
      <c r="AL30" s="103"/>
      <c r="AM30" s="104"/>
      <c r="AN30" s="104"/>
      <c r="AO30" s="155"/>
    </row>
    <row r="31" spans="1:41" ht="9.75" customHeight="1">
      <c r="A31" s="105"/>
      <c r="B31" s="106"/>
      <c r="C31" s="106"/>
      <c r="D31" s="106"/>
      <c r="E31" s="106"/>
      <c r="F31" s="106"/>
      <c r="G31" s="106"/>
      <c r="H31" s="106"/>
      <c r="I31" s="106"/>
      <c r="J31" s="106"/>
      <c r="K31" s="106"/>
      <c r="L31" s="106"/>
      <c r="M31" s="106"/>
      <c r="N31" s="106"/>
      <c r="O31" s="106"/>
      <c r="P31" s="106"/>
      <c r="Q31" s="106"/>
      <c r="R31" s="106"/>
      <c r="S31" s="106"/>
      <c r="T31" s="106"/>
      <c r="U31" s="106"/>
      <c r="V31" s="106"/>
      <c r="W31" s="106"/>
      <c r="X31" s="106"/>
      <c r="Y31" s="106"/>
      <c r="Z31" s="107"/>
      <c r="AA31" s="107"/>
      <c r="AB31" s="107"/>
      <c r="AC31" s="107"/>
      <c r="AD31" s="107"/>
      <c r="AE31" s="107"/>
      <c r="AF31" s="107"/>
      <c r="AG31" s="107"/>
      <c r="AH31" s="107"/>
      <c r="AI31" s="107"/>
      <c r="AJ31" s="107"/>
      <c r="AK31" s="107"/>
      <c r="AL31" s="107"/>
      <c r="AM31" s="107"/>
      <c r="AN31" s="107"/>
      <c r="AO31" s="108"/>
    </row>
    <row r="32" spans="1:41" ht="9.75" customHeight="1">
      <c r="A32" s="109"/>
      <c r="B32" s="110"/>
      <c r="C32" s="110"/>
      <c r="D32" s="110"/>
      <c r="E32" s="110"/>
      <c r="F32" s="110"/>
      <c r="G32" s="110"/>
      <c r="H32" s="110"/>
      <c r="I32" s="110"/>
      <c r="J32" s="110"/>
      <c r="K32" s="110"/>
      <c r="L32" s="110"/>
      <c r="M32" s="110"/>
      <c r="N32" s="110"/>
      <c r="O32" s="110"/>
      <c r="P32" s="110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1"/>
    </row>
    <row r="33" spans="1:41" ht="9.75" customHeight="1">
      <c r="A33" s="109"/>
      <c r="B33" s="110"/>
      <c r="C33" s="110"/>
      <c r="D33" s="110"/>
      <c r="E33" s="110"/>
      <c r="F33" s="110"/>
      <c r="G33" s="110"/>
      <c r="H33" s="110"/>
      <c r="I33" s="110"/>
      <c r="J33" s="110"/>
      <c r="K33" s="110"/>
      <c r="L33" s="110"/>
      <c r="M33" s="110"/>
      <c r="N33" s="110"/>
      <c r="O33" s="110"/>
      <c r="P33" s="110"/>
      <c r="Q33" s="110"/>
      <c r="R33" s="110"/>
      <c r="S33" s="110"/>
      <c r="T33" s="110"/>
      <c r="U33" s="110"/>
      <c r="V33" s="110"/>
      <c r="W33" s="110"/>
      <c r="X33" s="110"/>
      <c r="Y33" s="110"/>
      <c r="Z33" s="110"/>
      <c r="AA33" s="110"/>
      <c r="AB33" s="110"/>
      <c r="AC33" s="110"/>
      <c r="AD33" s="110"/>
      <c r="AE33" s="110"/>
      <c r="AF33" s="110"/>
      <c r="AG33" s="110"/>
      <c r="AH33" s="110"/>
      <c r="AI33" s="110"/>
      <c r="AJ33" s="110"/>
      <c r="AK33" s="110"/>
      <c r="AL33" s="110"/>
      <c r="AM33" s="110"/>
      <c r="AN33" s="110"/>
      <c r="AO33" s="111"/>
    </row>
    <row r="34" spans="1:41" ht="9.75" customHeight="1">
      <c r="A34" s="109"/>
      <c r="B34" s="110"/>
      <c r="C34" s="110"/>
      <c r="D34" s="110"/>
      <c r="E34" s="110"/>
      <c r="F34" s="110"/>
      <c r="G34" s="110"/>
      <c r="H34" s="110"/>
      <c r="I34" s="110"/>
      <c r="J34" s="110"/>
      <c r="K34" s="110"/>
      <c r="L34" s="110"/>
      <c r="M34" s="110"/>
      <c r="N34" s="110"/>
      <c r="O34" s="110"/>
      <c r="P34" s="110"/>
      <c r="Q34" s="110"/>
      <c r="R34" s="110"/>
      <c r="S34" s="110"/>
      <c r="T34" s="110"/>
      <c r="U34" s="110"/>
      <c r="V34" s="110"/>
      <c r="W34" s="110"/>
      <c r="X34" s="110"/>
      <c r="Y34" s="110"/>
      <c r="Z34" s="110"/>
      <c r="AA34" s="110"/>
      <c r="AB34" s="110"/>
      <c r="AC34" s="110"/>
      <c r="AD34" s="110"/>
      <c r="AE34" s="110"/>
      <c r="AF34" s="110"/>
      <c r="AG34" s="110"/>
      <c r="AH34" s="110"/>
      <c r="AI34" s="110"/>
      <c r="AJ34" s="110"/>
      <c r="AK34" s="110"/>
      <c r="AL34" s="110"/>
      <c r="AM34" s="110"/>
      <c r="AN34" s="110"/>
      <c r="AO34" s="111"/>
    </row>
    <row r="35" spans="1:41" ht="9.75" customHeight="1">
      <c r="A35" s="109"/>
      <c r="B35" s="110"/>
      <c r="C35" s="110"/>
      <c r="D35" s="110"/>
      <c r="E35" s="110"/>
      <c r="F35" s="110"/>
      <c r="G35" s="110"/>
      <c r="H35" s="110"/>
      <c r="I35" s="110"/>
      <c r="J35" s="110"/>
      <c r="K35" s="110"/>
      <c r="L35" s="110"/>
      <c r="M35" s="110"/>
      <c r="N35" s="110"/>
      <c r="O35" s="110"/>
      <c r="P35" s="110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1"/>
    </row>
    <row r="36" spans="1:41" ht="9.75" customHeight="1">
      <c r="A36" s="109"/>
      <c r="B36" s="110"/>
      <c r="C36" s="110"/>
      <c r="D36" s="110"/>
      <c r="E36" s="110"/>
      <c r="F36" s="110"/>
      <c r="G36" s="110"/>
      <c r="H36" s="110"/>
      <c r="I36" s="110"/>
      <c r="J36" s="110"/>
      <c r="K36" s="110"/>
      <c r="L36" s="110"/>
      <c r="M36" s="110"/>
      <c r="N36" s="110"/>
      <c r="O36" s="110"/>
      <c r="P36" s="110"/>
      <c r="Q36" s="110"/>
      <c r="R36" s="110"/>
      <c r="S36" s="110"/>
      <c r="T36" s="110"/>
      <c r="U36" s="110"/>
      <c r="V36" s="110"/>
      <c r="W36" s="110"/>
      <c r="X36" s="110"/>
      <c r="Y36" s="110"/>
      <c r="Z36" s="110"/>
      <c r="AA36" s="110"/>
      <c r="AB36" s="110"/>
      <c r="AC36" s="110"/>
      <c r="AD36" s="110"/>
      <c r="AE36" s="110"/>
      <c r="AF36" s="110"/>
      <c r="AG36" s="110"/>
      <c r="AH36" s="110"/>
      <c r="AI36" s="110"/>
      <c r="AJ36" s="110"/>
      <c r="AK36" s="110"/>
      <c r="AL36" s="110"/>
      <c r="AM36" s="110"/>
      <c r="AN36" s="110"/>
      <c r="AO36" s="111"/>
    </row>
    <row r="37" spans="1:41" ht="9.75" customHeight="1">
      <c r="A37" s="109"/>
      <c r="B37" s="110"/>
      <c r="C37" s="110"/>
      <c r="D37" s="110"/>
      <c r="E37" s="110"/>
      <c r="F37" s="110"/>
      <c r="G37" s="110"/>
      <c r="H37" s="110"/>
      <c r="I37" s="110"/>
      <c r="J37" s="110"/>
      <c r="K37" s="110"/>
      <c r="L37" s="110"/>
      <c r="M37" s="110"/>
      <c r="N37" s="110"/>
      <c r="O37" s="110"/>
      <c r="P37" s="110"/>
      <c r="Q37" s="110"/>
      <c r="R37" s="110"/>
      <c r="S37" s="110"/>
      <c r="T37" s="110"/>
      <c r="U37" s="110"/>
      <c r="V37" s="110"/>
      <c r="W37" s="110"/>
      <c r="X37" s="110"/>
      <c r="Y37" s="110"/>
      <c r="Z37" s="110"/>
      <c r="AA37" s="110"/>
      <c r="AB37" s="110"/>
      <c r="AC37" s="110"/>
      <c r="AD37" s="110"/>
      <c r="AE37" s="110"/>
      <c r="AF37" s="110"/>
      <c r="AG37" s="110"/>
      <c r="AH37" s="110"/>
      <c r="AI37" s="110"/>
      <c r="AJ37" s="110"/>
      <c r="AK37" s="110"/>
      <c r="AL37" s="110"/>
      <c r="AM37" s="110"/>
      <c r="AN37" s="110"/>
      <c r="AO37" s="111"/>
    </row>
    <row r="38" spans="1:41" ht="9.75" customHeight="1">
      <c r="A38" s="109"/>
      <c r="B38" s="110"/>
      <c r="C38" s="110"/>
      <c r="D38" s="110"/>
      <c r="E38" s="110"/>
      <c r="F38" s="110"/>
      <c r="G38" s="110"/>
      <c r="H38" s="110"/>
      <c r="I38" s="110"/>
      <c r="J38" s="110"/>
      <c r="K38" s="110"/>
      <c r="L38" s="110"/>
      <c r="M38" s="110"/>
      <c r="N38" s="110"/>
      <c r="O38" s="110"/>
      <c r="P38" s="110"/>
      <c r="Q38" s="110"/>
      <c r="R38" s="110"/>
      <c r="S38" s="110"/>
      <c r="T38" s="110"/>
      <c r="U38" s="110"/>
      <c r="V38" s="110"/>
      <c r="W38" s="110"/>
      <c r="X38" s="110"/>
      <c r="Y38" s="110"/>
      <c r="Z38" s="110"/>
      <c r="AA38" s="110"/>
      <c r="AB38" s="110"/>
      <c r="AC38" s="110"/>
      <c r="AD38" s="110"/>
      <c r="AE38" s="110"/>
      <c r="AF38" s="110"/>
      <c r="AG38" s="110"/>
      <c r="AH38" s="110"/>
      <c r="AI38" s="110"/>
      <c r="AJ38" s="110"/>
      <c r="AK38" s="110"/>
      <c r="AL38" s="110"/>
      <c r="AM38" s="110"/>
      <c r="AN38" s="110"/>
      <c r="AO38" s="111"/>
    </row>
    <row r="39" spans="1:41" ht="9.75" customHeight="1">
      <c r="A39" s="109"/>
      <c r="B39" s="110"/>
      <c r="C39" s="110"/>
      <c r="D39" s="110"/>
      <c r="E39" s="110"/>
      <c r="F39" s="110"/>
      <c r="G39" s="110"/>
      <c r="H39" s="110"/>
      <c r="I39" s="110"/>
      <c r="J39" s="110"/>
      <c r="K39" s="110"/>
      <c r="L39" s="110"/>
      <c r="M39" s="110"/>
      <c r="N39" s="110"/>
      <c r="O39" s="110"/>
      <c r="P39" s="110"/>
      <c r="Q39" s="110"/>
      <c r="R39" s="110"/>
      <c r="S39" s="110"/>
      <c r="T39" s="110"/>
      <c r="U39" s="110"/>
      <c r="V39" s="110"/>
      <c r="W39" s="110"/>
      <c r="X39" s="110"/>
      <c r="Y39" s="110"/>
      <c r="Z39" s="110"/>
      <c r="AA39" s="110"/>
      <c r="AB39" s="110"/>
      <c r="AC39" s="110"/>
      <c r="AD39" s="110"/>
      <c r="AE39" s="110"/>
      <c r="AF39" s="110"/>
      <c r="AG39" s="110"/>
      <c r="AH39" s="110"/>
      <c r="AI39" s="110"/>
      <c r="AJ39" s="110"/>
      <c r="AK39" s="110"/>
      <c r="AL39" s="110"/>
      <c r="AM39" s="110"/>
      <c r="AN39" s="110"/>
      <c r="AO39" s="111"/>
    </row>
    <row r="40" spans="1:41" ht="9.75" customHeight="1">
      <c r="A40" s="109"/>
      <c r="B40" s="110"/>
      <c r="C40" s="110"/>
      <c r="D40" s="110"/>
      <c r="E40" s="110"/>
      <c r="F40" s="110"/>
      <c r="G40" s="110"/>
      <c r="H40" s="110"/>
      <c r="I40" s="110"/>
      <c r="J40" s="110"/>
      <c r="K40" s="110"/>
      <c r="L40" s="110"/>
      <c r="M40" s="110"/>
      <c r="N40" s="110"/>
      <c r="O40" s="110"/>
      <c r="P40" s="110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0"/>
      <c r="AJ40" s="110"/>
      <c r="AK40" s="110"/>
      <c r="AL40" s="110"/>
      <c r="AM40" s="110"/>
      <c r="AN40" s="110"/>
      <c r="AO40" s="111"/>
    </row>
    <row r="41" spans="1:41" ht="9.75" customHeight="1">
      <c r="A41" s="109"/>
      <c r="B41" s="110"/>
      <c r="C41" s="110"/>
      <c r="D41" s="110"/>
      <c r="E41" s="110"/>
      <c r="F41" s="110"/>
      <c r="G41" s="110"/>
      <c r="H41" s="110"/>
      <c r="I41" s="110"/>
      <c r="J41" s="110"/>
      <c r="K41" s="110"/>
      <c r="L41" s="110"/>
      <c r="M41" s="110"/>
      <c r="N41" s="110"/>
      <c r="O41" s="110"/>
      <c r="P41" s="110"/>
      <c r="Q41" s="110"/>
      <c r="R41" s="110"/>
      <c r="S41" s="110"/>
      <c r="T41" s="110"/>
      <c r="U41" s="110"/>
      <c r="V41" s="110"/>
      <c r="W41" s="110"/>
      <c r="X41" s="110"/>
      <c r="Y41" s="110"/>
      <c r="Z41" s="110"/>
      <c r="AA41" s="110"/>
      <c r="AB41" s="110"/>
      <c r="AC41" s="110"/>
      <c r="AD41" s="110"/>
      <c r="AE41" s="110"/>
      <c r="AF41" s="110"/>
      <c r="AG41" s="110"/>
      <c r="AH41" s="110"/>
      <c r="AI41" s="110"/>
      <c r="AJ41" s="110"/>
      <c r="AK41" s="110"/>
      <c r="AL41" s="110"/>
      <c r="AM41" s="110"/>
      <c r="AN41" s="110"/>
      <c r="AO41" s="111"/>
    </row>
    <row r="42" spans="1:41" ht="9.75" customHeight="1">
      <c r="A42" s="109"/>
      <c r="B42" s="110"/>
      <c r="C42" s="110"/>
      <c r="D42" s="110"/>
      <c r="E42" s="110"/>
      <c r="F42" s="110"/>
      <c r="G42" s="110"/>
      <c r="H42" s="110"/>
      <c r="I42" s="110"/>
      <c r="J42" s="110"/>
      <c r="K42" s="110"/>
      <c r="L42" s="110"/>
      <c r="M42" s="110"/>
      <c r="N42" s="110"/>
      <c r="O42" s="110"/>
      <c r="P42" s="110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1"/>
    </row>
    <row r="43" spans="1:41" ht="9.75" customHeight="1">
      <c r="A43" s="109"/>
      <c r="B43" s="110"/>
      <c r="C43" s="110"/>
      <c r="D43" s="110"/>
      <c r="E43" s="110"/>
      <c r="F43" s="110"/>
      <c r="G43" s="110"/>
      <c r="H43" s="110"/>
      <c r="I43" s="110"/>
      <c r="J43" s="110"/>
      <c r="K43" s="110"/>
      <c r="L43" s="110"/>
      <c r="M43" s="110"/>
      <c r="N43" s="110"/>
      <c r="O43" s="110"/>
      <c r="P43" s="110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1"/>
    </row>
    <row r="44" spans="1:41" ht="9.75" customHeight="1">
      <c r="A44" s="109"/>
      <c r="B44" s="110"/>
      <c r="C44" s="110"/>
      <c r="D44" s="110"/>
      <c r="E44" s="110"/>
      <c r="F44" s="110"/>
      <c r="G44" s="110"/>
      <c r="H44" s="110"/>
      <c r="I44" s="110"/>
      <c r="J44" s="110"/>
      <c r="K44" s="110"/>
      <c r="L44" s="110"/>
      <c r="M44" s="110"/>
      <c r="N44" s="110"/>
      <c r="O44" s="110"/>
      <c r="P44" s="110"/>
      <c r="Q44" s="110"/>
      <c r="R44" s="110"/>
      <c r="S44" s="110"/>
      <c r="T44" s="110"/>
      <c r="U44" s="110"/>
      <c r="V44" s="110"/>
      <c r="W44" s="110"/>
      <c r="X44" s="110"/>
      <c r="Y44" s="110"/>
      <c r="Z44" s="110"/>
      <c r="AA44" s="110"/>
      <c r="AB44" s="110"/>
      <c r="AC44" s="110"/>
      <c r="AD44" s="110"/>
      <c r="AE44" s="110"/>
      <c r="AF44" s="110"/>
      <c r="AG44" s="110"/>
      <c r="AH44" s="110"/>
      <c r="AI44" s="110"/>
      <c r="AJ44" s="110"/>
      <c r="AK44" s="110"/>
      <c r="AL44" s="110"/>
      <c r="AM44" s="110"/>
      <c r="AN44" s="110"/>
      <c r="AO44" s="111"/>
    </row>
    <row r="45" spans="1:41" ht="9.75" customHeight="1">
      <c r="A45" s="109"/>
      <c r="B45" s="110"/>
      <c r="C45" s="110"/>
      <c r="D45" s="110"/>
      <c r="E45" s="110"/>
      <c r="F45" s="110"/>
      <c r="G45" s="110"/>
      <c r="H45" s="110"/>
      <c r="I45" s="110"/>
      <c r="J45" s="110"/>
      <c r="K45" s="110"/>
      <c r="L45" s="110"/>
      <c r="M45" s="110"/>
      <c r="N45" s="110"/>
      <c r="O45" s="110"/>
      <c r="P45" s="110"/>
      <c r="Q45" s="110"/>
      <c r="R45" s="110"/>
      <c r="S45" s="110"/>
      <c r="T45" s="110"/>
      <c r="U45" s="110"/>
      <c r="V45" s="110"/>
      <c r="W45" s="110"/>
      <c r="X45" s="110"/>
      <c r="Y45" s="110"/>
      <c r="Z45" s="110"/>
      <c r="AA45" s="110"/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0"/>
      <c r="AM45" s="110"/>
      <c r="AN45" s="110"/>
      <c r="AO45" s="111"/>
    </row>
    <row r="46" spans="1:41" ht="9.75" customHeight="1">
      <c r="A46" s="109"/>
      <c r="B46" s="110"/>
      <c r="C46" s="110"/>
      <c r="D46" s="110"/>
      <c r="E46" s="110"/>
      <c r="F46" s="110"/>
      <c r="G46" s="110"/>
      <c r="H46" s="110"/>
      <c r="I46" s="110"/>
      <c r="J46" s="110"/>
      <c r="K46" s="110"/>
      <c r="L46" s="110"/>
      <c r="M46" s="110"/>
      <c r="N46" s="110"/>
      <c r="O46" s="110"/>
      <c r="P46" s="110"/>
      <c r="Q46" s="110"/>
      <c r="R46" s="110"/>
      <c r="S46" s="110"/>
      <c r="T46" s="110"/>
      <c r="U46" s="110"/>
      <c r="V46" s="110"/>
      <c r="W46" s="110"/>
      <c r="X46" s="110"/>
      <c r="Y46" s="110"/>
      <c r="Z46" s="110"/>
      <c r="AA46" s="110"/>
      <c r="AB46" s="110"/>
      <c r="AC46" s="110"/>
      <c r="AD46" s="110"/>
      <c r="AE46" s="110"/>
      <c r="AF46" s="110"/>
      <c r="AG46" s="110"/>
      <c r="AH46" s="110"/>
      <c r="AI46" s="110"/>
      <c r="AJ46" s="110"/>
      <c r="AK46" s="110"/>
      <c r="AL46" s="110"/>
      <c r="AM46" s="110"/>
      <c r="AN46" s="110"/>
      <c r="AO46" s="111"/>
    </row>
    <row r="47" spans="1:41" ht="9.75" customHeight="1">
      <c r="A47" s="109"/>
      <c r="B47" s="110"/>
      <c r="C47" s="110"/>
      <c r="D47" s="110"/>
      <c r="E47" s="110"/>
      <c r="F47" s="110"/>
      <c r="G47" s="110"/>
      <c r="H47" s="110"/>
      <c r="I47" s="110"/>
      <c r="J47" s="110"/>
      <c r="K47" s="110"/>
      <c r="L47" s="110"/>
      <c r="M47" s="110"/>
      <c r="N47" s="110"/>
      <c r="O47" s="110"/>
      <c r="P47" s="110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0"/>
      <c r="AN47" s="110"/>
      <c r="AO47" s="111"/>
    </row>
    <row r="48" spans="1:41" ht="9.75" customHeight="1">
      <c r="A48" s="109"/>
      <c r="B48" s="110"/>
      <c r="C48" s="110"/>
      <c r="D48" s="110"/>
      <c r="E48" s="110"/>
      <c r="F48" s="110"/>
      <c r="G48" s="110"/>
      <c r="H48" s="110"/>
      <c r="I48" s="110"/>
      <c r="J48" s="110"/>
      <c r="K48" s="110"/>
      <c r="L48" s="110"/>
      <c r="M48" s="110"/>
      <c r="N48" s="110"/>
      <c r="O48" s="110"/>
      <c r="P48" s="110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0"/>
      <c r="AN48" s="110"/>
      <c r="AO48" s="111"/>
    </row>
    <row r="49" spans="1:41" ht="9.75" customHeight="1">
      <c r="A49" s="109"/>
      <c r="B49" s="110"/>
      <c r="C49" s="110"/>
      <c r="D49" s="110"/>
      <c r="E49" s="110"/>
      <c r="F49" s="110"/>
      <c r="G49" s="110"/>
      <c r="H49" s="110"/>
      <c r="I49" s="110"/>
      <c r="J49" s="110"/>
      <c r="K49" s="110"/>
      <c r="L49" s="110"/>
      <c r="M49" s="110"/>
      <c r="N49" s="110"/>
      <c r="O49" s="110"/>
      <c r="P49" s="110"/>
      <c r="Q49" s="110"/>
      <c r="R49" s="110"/>
      <c r="S49" s="110"/>
      <c r="T49" s="110"/>
      <c r="U49" s="110"/>
      <c r="V49" s="110"/>
      <c r="W49" s="110"/>
      <c r="X49" s="110"/>
      <c r="Y49" s="110"/>
      <c r="Z49" s="110"/>
      <c r="AA49" s="110"/>
      <c r="AB49" s="110"/>
      <c r="AC49" s="110"/>
      <c r="AD49" s="110"/>
      <c r="AE49" s="110"/>
      <c r="AF49" s="110"/>
      <c r="AG49" s="110"/>
      <c r="AH49" s="110"/>
      <c r="AI49" s="110"/>
      <c r="AJ49" s="110"/>
      <c r="AK49" s="110"/>
      <c r="AL49" s="110"/>
      <c r="AM49" s="110"/>
      <c r="AN49" s="110"/>
      <c r="AO49" s="111"/>
    </row>
    <row r="50" spans="1:41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1"/>
    </row>
    <row r="51" spans="1:41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1"/>
    </row>
    <row r="52" spans="1:41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0"/>
      <c r="AN52" s="110"/>
      <c r="AO52" s="111"/>
    </row>
    <row r="53" spans="1:41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0"/>
      <c r="AN53" s="110"/>
      <c r="AO53" s="111"/>
    </row>
    <row r="54" spans="1:41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0"/>
      <c r="AN54" s="110"/>
      <c r="AO54" s="111"/>
    </row>
    <row r="55" spans="1:41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0"/>
      <c r="AN55" s="110"/>
      <c r="AO55" s="111"/>
    </row>
    <row r="56" spans="1:41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0"/>
      <c r="AN56" s="110"/>
      <c r="AO56" s="111"/>
    </row>
    <row r="57" spans="1:41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0"/>
      <c r="AN57" s="110"/>
      <c r="AO57" s="111"/>
    </row>
    <row r="58" spans="1:41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0"/>
      <c r="AN58" s="110"/>
      <c r="AO58" s="111"/>
    </row>
    <row r="59" spans="1:41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1"/>
    </row>
    <row r="60" spans="1:41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0"/>
      <c r="AN60" s="110"/>
      <c r="AO60" s="111"/>
    </row>
    <row r="61" spans="1:41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0"/>
      <c r="AN61" s="110"/>
      <c r="AO61" s="111"/>
    </row>
    <row r="62" spans="1:41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0"/>
      <c r="AN62" s="110"/>
      <c r="AO62" s="111"/>
    </row>
    <row r="63" spans="1:41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0"/>
      <c r="AN63" s="110"/>
      <c r="AO63" s="111"/>
    </row>
    <row r="64" spans="1:41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0"/>
      <c r="AN64" s="110"/>
      <c r="AO64" s="111"/>
    </row>
    <row r="65" spans="1:41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0"/>
      <c r="AN65" s="110"/>
      <c r="AO65" s="111"/>
    </row>
    <row r="66" spans="1:41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1"/>
    </row>
    <row r="67" spans="1:41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0"/>
      <c r="AN67" s="110"/>
      <c r="AO67" s="111"/>
    </row>
    <row r="68" spans="1:41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1"/>
    </row>
    <row r="69" spans="1:41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0"/>
      <c r="AN69" s="110"/>
      <c r="AO69" s="111"/>
    </row>
    <row r="70" spans="1:41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0"/>
      <c r="AN70" s="110"/>
      <c r="AO70" s="111"/>
    </row>
    <row r="71" spans="1:41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1"/>
    </row>
    <row r="72" spans="1:41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1"/>
    </row>
    <row r="73" spans="1:41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0"/>
      <c r="AN73" s="110"/>
      <c r="AO73" s="111"/>
    </row>
    <row r="74" spans="1:41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0"/>
      <c r="AN74" s="110"/>
      <c r="AO74" s="111"/>
    </row>
    <row r="75" spans="1:41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1"/>
    </row>
    <row r="76" spans="1:41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0"/>
      <c r="AN76" s="110"/>
      <c r="AO76" s="111"/>
    </row>
    <row r="77" spans="1:41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0"/>
      <c r="AN77" s="110"/>
      <c r="AO77" s="111"/>
    </row>
    <row r="78" spans="1:41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0"/>
      <c r="AN78" s="110"/>
      <c r="AO78" s="111"/>
    </row>
    <row r="79" spans="1:41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1"/>
    </row>
    <row r="80" spans="1:41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1"/>
    </row>
    <row r="81" spans="1:41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0"/>
      <c r="AN81" s="110"/>
      <c r="AO81" s="111"/>
    </row>
    <row r="82" spans="1:41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0"/>
      <c r="AN82" s="110"/>
      <c r="AO82" s="111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35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P25:P27"/>
    <mergeCell ref="Q25:Q27"/>
    <mergeCell ref="A29:F29"/>
    <mergeCell ref="G29:H29"/>
    <mergeCell ref="E16:E18"/>
    <mergeCell ref="F16:F18"/>
    <mergeCell ref="P19:P21"/>
    <mergeCell ref="Q19:Q21"/>
    <mergeCell ref="E22:E24"/>
    <mergeCell ref="F22:F24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228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229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194" t="s">
        <v>230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231</v>
      </c>
      <c r="I12" s="35"/>
      <c r="J12" s="36" t="s">
        <v>232</v>
      </c>
      <c r="K12" s="37" t="s">
        <v>30</v>
      </c>
      <c r="L12" s="37" t="s">
        <v>233</v>
      </c>
      <c r="M12" s="38"/>
      <c r="N12" s="38"/>
      <c r="O12" s="39"/>
      <c r="P12" s="35"/>
      <c r="Q12" s="36"/>
      <c r="R12" s="35" t="s">
        <v>234</v>
      </c>
      <c r="S12" s="40"/>
      <c r="T12" s="41" t="s">
        <v>234</v>
      </c>
      <c r="U12" s="36" t="s">
        <v>30</v>
      </c>
      <c r="V12" s="35"/>
      <c r="W12" s="36" t="s">
        <v>3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88" t="s">
        <v>235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236</v>
      </c>
      <c r="I15" s="33"/>
      <c r="J15" s="59" t="s">
        <v>237</v>
      </c>
      <c r="K15" s="60" t="s">
        <v>30</v>
      </c>
      <c r="L15" s="60" t="s">
        <v>238</v>
      </c>
      <c r="M15" s="61"/>
      <c r="N15" s="61"/>
      <c r="O15" s="34"/>
      <c r="P15" s="33"/>
      <c r="Q15" s="59"/>
      <c r="R15" s="33" t="s">
        <v>239</v>
      </c>
      <c r="S15" s="62"/>
      <c r="T15" s="63" t="s">
        <v>239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240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241</v>
      </c>
      <c r="I18" s="33" t="s">
        <v>133</v>
      </c>
      <c r="J18" s="59" t="s">
        <v>242</v>
      </c>
      <c r="K18" s="60" t="s">
        <v>30</v>
      </c>
      <c r="L18" s="60" t="s">
        <v>243</v>
      </c>
      <c r="M18" s="61"/>
      <c r="N18" s="61"/>
      <c r="O18" s="34"/>
      <c r="P18" s="33"/>
      <c r="Q18" s="59"/>
      <c r="R18" s="33" t="s">
        <v>244</v>
      </c>
      <c r="S18" s="62"/>
      <c r="T18" s="63" t="s">
        <v>244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78" t="s">
        <v>245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243</v>
      </c>
      <c r="R21" s="33" t="s">
        <v>244</v>
      </c>
      <c r="S21" s="62"/>
      <c r="T21" s="63" t="s">
        <v>244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33"/>
      <c r="D22" s="58"/>
      <c r="E22" s="33"/>
      <c r="F22" s="58"/>
      <c r="G22" s="33"/>
      <c r="H22" s="59"/>
      <c r="I22" s="33"/>
      <c r="J22" s="59"/>
      <c r="K22" s="60"/>
      <c r="L22" s="60"/>
      <c r="M22" s="61"/>
      <c r="N22" s="187"/>
      <c r="O22" s="180"/>
      <c r="P22" s="33"/>
      <c r="Q22" s="59"/>
      <c r="R22" s="33"/>
      <c r="S22" s="62"/>
      <c r="T22" s="63"/>
      <c r="U22" s="59"/>
      <c r="V22" s="33"/>
      <c r="W22" s="59"/>
      <c r="X22" s="27"/>
      <c r="Y22" s="27"/>
      <c r="Z22" s="27"/>
      <c r="AA22" s="27"/>
      <c r="AB22" s="28"/>
      <c r="AC22" s="28"/>
      <c r="AD22" s="28"/>
      <c r="AE22" s="28"/>
      <c r="AF22" s="28"/>
      <c r="AG22" s="28"/>
      <c r="AH22" s="28"/>
      <c r="AI22" s="28"/>
      <c r="AJ22" s="28"/>
      <c r="AK22" s="29"/>
      <c r="AL22" s="29"/>
      <c r="AM22" s="30"/>
    </row>
    <row r="23" spans="1:39" s="46" customFormat="1" ht="9.75" customHeight="1">
      <c r="A23" s="47"/>
      <c r="B23" s="75"/>
      <c r="C23" s="33"/>
      <c r="D23" s="34"/>
      <c r="E23" s="175" t="s">
        <v>36</v>
      </c>
      <c r="F23" s="178" t="s">
        <v>246</v>
      </c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33"/>
      <c r="D24" s="34"/>
      <c r="E24" s="176"/>
      <c r="F24" s="179"/>
      <c r="G24" s="33"/>
      <c r="H24" s="59" t="s">
        <v>247</v>
      </c>
      <c r="I24" s="33"/>
      <c r="J24" s="59" t="s">
        <v>248</v>
      </c>
      <c r="K24" s="60" t="s">
        <v>30</v>
      </c>
      <c r="L24" s="60" t="s">
        <v>249</v>
      </c>
      <c r="M24" s="61"/>
      <c r="N24" s="61"/>
      <c r="O24" s="58"/>
      <c r="P24" s="33"/>
      <c r="Q24" s="59"/>
      <c r="R24" s="33" t="s">
        <v>250</v>
      </c>
      <c r="S24" s="62"/>
      <c r="T24" s="63" t="s">
        <v>250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33"/>
      <c r="D25" s="34"/>
      <c r="E25" s="176"/>
      <c r="F25" s="179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33"/>
      <c r="F26" s="34"/>
      <c r="G26" s="33"/>
      <c r="H26" s="59"/>
      <c r="I26" s="33"/>
      <c r="J26" s="59"/>
      <c r="K26" s="60"/>
      <c r="L26" s="60"/>
      <c r="M26" s="61"/>
      <c r="N26" s="185" t="s">
        <v>21</v>
      </c>
      <c r="O26" s="178" t="s">
        <v>245</v>
      </c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33"/>
      <c r="F27" s="34"/>
      <c r="G27" s="33"/>
      <c r="H27" s="59"/>
      <c r="I27" s="33"/>
      <c r="J27" s="59"/>
      <c r="K27" s="60"/>
      <c r="L27" s="60"/>
      <c r="M27" s="61"/>
      <c r="N27" s="186"/>
      <c r="O27" s="179"/>
      <c r="P27" s="33"/>
      <c r="Q27" s="59" t="s">
        <v>249</v>
      </c>
      <c r="R27" s="33" t="s">
        <v>250</v>
      </c>
      <c r="S27" s="62"/>
      <c r="T27" s="63" t="s">
        <v>250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64"/>
      <c r="D28" s="77"/>
      <c r="E28" s="64"/>
      <c r="F28" s="77"/>
      <c r="G28" s="64"/>
      <c r="H28" s="66"/>
      <c r="I28" s="64"/>
      <c r="J28" s="66"/>
      <c r="K28" s="67"/>
      <c r="L28" s="67"/>
      <c r="M28" s="68"/>
      <c r="N28" s="187"/>
      <c r="O28" s="180"/>
      <c r="P28" s="64"/>
      <c r="Q28" s="66"/>
      <c r="R28" s="64"/>
      <c r="S28" s="69"/>
      <c r="T28" s="70"/>
      <c r="U28" s="66"/>
      <c r="V28" s="64"/>
      <c r="W28" s="66"/>
      <c r="X28" s="71"/>
      <c r="Y28" s="71"/>
      <c r="Z28" s="71"/>
      <c r="AA28" s="71"/>
      <c r="AB28" s="72"/>
      <c r="AC28" s="72"/>
      <c r="AD28" s="72"/>
      <c r="AE28" s="72"/>
      <c r="AF28" s="72"/>
      <c r="AG28" s="72"/>
      <c r="AH28" s="72"/>
      <c r="AI28" s="72"/>
      <c r="AJ28" s="72"/>
      <c r="AK28" s="73"/>
      <c r="AL28" s="73"/>
      <c r="AM28" s="74"/>
    </row>
    <row r="29" spans="1:39" s="46" customFormat="1" ht="9.75" customHeight="1">
      <c r="A29" s="47"/>
      <c r="B29" s="75"/>
      <c r="C29" s="175" t="s">
        <v>36</v>
      </c>
      <c r="D29" s="188" t="s">
        <v>251</v>
      </c>
      <c r="E29" s="48"/>
      <c r="F29" s="49"/>
      <c r="G29" s="48"/>
      <c r="H29" s="50"/>
      <c r="I29" s="48"/>
      <c r="J29" s="50"/>
      <c r="K29" s="51"/>
      <c r="L29" s="51"/>
      <c r="M29" s="52"/>
      <c r="N29" s="52"/>
      <c r="O29" s="76"/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47"/>
      <c r="B30" s="75"/>
      <c r="C30" s="176"/>
      <c r="D30" s="179"/>
      <c r="E30" s="33"/>
      <c r="F30" s="34"/>
      <c r="G30" s="33"/>
      <c r="H30" s="59" t="s">
        <v>252</v>
      </c>
      <c r="I30" s="33"/>
      <c r="J30" s="59" t="s">
        <v>253</v>
      </c>
      <c r="K30" s="60" t="s">
        <v>30</v>
      </c>
      <c r="L30" s="60" t="s">
        <v>254</v>
      </c>
      <c r="M30" s="61"/>
      <c r="N30" s="61"/>
      <c r="O30" s="58"/>
      <c r="P30" s="33"/>
      <c r="Q30" s="59"/>
      <c r="R30" s="33" t="s">
        <v>255</v>
      </c>
      <c r="S30" s="62"/>
      <c r="T30" s="63" t="s">
        <v>255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47"/>
      <c r="B31" s="75"/>
      <c r="C31" s="176"/>
      <c r="D31" s="179"/>
      <c r="E31" s="33"/>
      <c r="F31" s="34"/>
      <c r="G31" s="33"/>
      <c r="H31" s="59"/>
      <c r="I31" s="33"/>
      <c r="J31" s="59"/>
      <c r="K31" s="60"/>
      <c r="L31" s="60"/>
      <c r="M31" s="61"/>
      <c r="N31" s="61"/>
      <c r="O31" s="58"/>
      <c r="P31" s="33"/>
      <c r="Q31" s="59"/>
      <c r="R31" s="33"/>
      <c r="S31" s="62"/>
      <c r="T31" s="63"/>
      <c r="U31" s="59"/>
      <c r="V31" s="33"/>
      <c r="W31" s="59"/>
      <c r="X31" s="27"/>
      <c r="Y31" s="27"/>
      <c r="Z31" s="27"/>
      <c r="AA31" s="27"/>
      <c r="AB31" s="28"/>
      <c r="AC31" s="28"/>
      <c r="AD31" s="28"/>
      <c r="AE31" s="28"/>
      <c r="AF31" s="28"/>
      <c r="AG31" s="28"/>
      <c r="AH31" s="28"/>
      <c r="AI31" s="28"/>
      <c r="AJ31" s="28"/>
      <c r="AK31" s="29"/>
      <c r="AL31" s="29"/>
      <c r="AM31" s="30"/>
    </row>
    <row r="32" spans="1:39" s="46" customFormat="1" ht="9.75" customHeight="1">
      <c r="A32" s="47"/>
      <c r="B32" s="39"/>
      <c r="C32" s="33"/>
      <c r="D32" s="34"/>
      <c r="E32" s="175" t="s">
        <v>21</v>
      </c>
      <c r="F32" s="188" t="s">
        <v>251</v>
      </c>
      <c r="G32" s="48"/>
      <c r="H32" s="50"/>
      <c r="I32" s="48"/>
      <c r="J32" s="50"/>
      <c r="K32" s="51"/>
      <c r="L32" s="51"/>
      <c r="M32" s="52"/>
      <c r="N32" s="52"/>
      <c r="O32" s="49"/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57"/>
      <c r="B33" s="58"/>
      <c r="C33" s="33"/>
      <c r="D33" s="34"/>
      <c r="E33" s="176"/>
      <c r="F33" s="179"/>
      <c r="G33" s="33"/>
      <c r="H33" s="59" t="s">
        <v>252</v>
      </c>
      <c r="I33" s="33"/>
      <c r="J33" s="59" t="s">
        <v>253</v>
      </c>
      <c r="K33" s="60" t="s">
        <v>30</v>
      </c>
      <c r="L33" s="60" t="s">
        <v>254</v>
      </c>
      <c r="M33" s="61"/>
      <c r="N33" s="61"/>
      <c r="O33" s="34"/>
      <c r="P33" s="33"/>
      <c r="Q33" s="59"/>
      <c r="R33" s="33" t="s">
        <v>255</v>
      </c>
      <c r="S33" s="62"/>
      <c r="T33" s="63" t="s">
        <v>255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57"/>
      <c r="B34" s="58"/>
      <c r="C34" s="64"/>
      <c r="D34" s="77"/>
      <c r="E34" s="177"/>
      <c r="F34" s="180"/>
      <c r="G34" s="64"/>
      <c r="H34" s="66"/>
      <c r="I34" s="64"/>
      <c r="J34" s="66"/>
      <c r="K34" s="67"/>
      <c r="L34" s="67"/>
      <c r="M34" s="68"/>
      <c r="N34" s="68"/>
      <c r="O34" s="77"/>
      <c r="P34" s="64"/>
      <c r="Q34" s="66"/>
      <c r="R34" s="64"/>
      <c r="S34" s="69"/>
      <c r="T34" s="70"/>
      <c r="U34" s="66"/>
      <c r="V34" s="64"/>
      <c r="W34" s="66"/>
      <c r="X34" s="71"/>
      <c r="Y34" s="71"/>
      <c r="Z34" s="71"/>
      <c r="AA34" s="71"/>
      <c r="AB34" s="72"/>
      <c r="AC34" s="72"/>
      <c r="AD34" s="72"/>
      <c r="AE34" s="72"/>
      <c r="AF34" s="72"/>
      <c r="AG34" s="72"/>
      <c r="AH34" s="72"/>
      <c r="AI34" s="72"/>
      <c r="AJ34" s="72"/>
      <c r="AK34" s="73"/>
      <c r="AL34" s="73"/>
      <c r="AM34" s="74"/>
    </row>
    <row r="35" spans="1:39" s="46" customFormat="1" ht="9.75" customHeight="1">
      <c r="A35" s="47"/>
      <c r="B35" s="75"/>
      <c r="C35" s="175" t="s">
        <v>52</v>
      </c>
      <c r="D35" s="178" t="s">
        <v>53</v>
      </c>
      <c r="E35" s="48"/>
      <c r="F35" s="49"/>
      <c r="G35" s="48"/>
      <c r="H35" s="50"/>
      <c r="I35" s="48"/>
      <c r="J35" s="50"/>
      <c r="K35" s="51"/>
      <c r="L35" s="51"/>
      <c r="M35" s="52"/>
      <c r="N35" s="52"/>
      <c r="O35" s="76"/>
      <c r="P35" s="48"/>
      <c r="Q35" s="50"/>
      <c r="R35" s="48"/>
      <c r="S35" s="53"/>
      <c r="T35" s="54"/>
      <c r="U35" s="50"/>
      <c r="V35" s="48"/>
      <c r="W35" s="50"/>
      <c r="X35" s="55" t="s">
        <v>3</v>
      </c>
      <c r="Y35" s="55"/>
      <c r="Z35" s="55"/>
      <c r="AA35" s="55"/>
      <c r="AB35" s="56"/>
      <c r="AC35" s="56"/>
      <c r="AD35" s="56"/>
      <c r="AE35" s="56"/>
      <c r="AF35" s="56"/>
      <c r="AG35" s="56"/>
      <c r="AH35" s="56"/>
      <c r="AI35" s="56"/>
      <c r="AJ35" s="56"/>
      <c r="AK35" s="19"/>
      <c r="AL35" s="19"/>
      <c r="AM35" s="26"/>
    </row>
    <row r="36" spans="1:39" s="46" customFormat="1" ht="9.75" customHeight="1">
      <c r="A36" s="47"/>
      <c r="B36" s="75"/>
      <c r="C36" s="176"/>
      <c r="D36" s="179"/>
      <c r="E36" s="33"/>
      <c r="F36" s="34"/>
      <c r="G36" s="33"/>
      <c r="H36" s="59" t="s">
        <v>30</v>
      </c>
      <c r="I36" s="33"/>
      <c r="J36" s="59" t="s">
        <v>256</v>
      </c>
      <c r="K36" s="60" t="s">
        <v>30</v>
      </c>
      <c r="L36" s="60" t="s">
        <v>256</v>
      </c>
      <c r="M36" s="61"/>
      <c r="N36" s="61"/>
      <c r="O36" s="58"/>
      <c r="P36" s="33"/>
      <c r="Q36" s="59"/>
      <c r="R36" s="33" t="s">
        <v>257</v>
      </c>
      <c r="S36" s="62"/>
      <c r="T36" s="63" t="s">
        <v>257</v>
      </c>
      <c r="U36" s="59" t="s">
        <v>30</v>
      </c>
      <c r="V36" s="33"/>
      <c r="W36" s="59" t="s">
        <v>30</v>
      </c>
      <c r="X36" s="27"/>
      <c r="Y36" s="27"/>
      <c r="Z36" s="27"/>
      <c r="AA36" s="27"/>
      <c r="AB36" s="28"/>
      <c r="AC36" s="28"/>
      <c r="AD36" s="28"/>
      <c r="AE36" s="28"/>
      <c r="AF36" s="28"/>
      <c r="AG36" s="28"/>
      <c r="AH36" s="28"/>
      <c r="AI36" s="28"/>
      <c r="AJ36" s="28"/>
      <c r="AK36" s="29"/>
      <c r="AL36" s="29"/>
      <c r="AM36" s="30"/>
    </row>
    <row r="37" spans="1:39" s="46" customFormat="1" ht="9.75" customHeight="1">
      <c r="A37" s="47"/>
      <c r="B37" s="75"/>
      <c r="C37" s="176"/>
      <c r="D37" s="179"/>
      <c r="E37" s="33"/>
      <c r="F37" s="34"/>
      <c r="G37" s="33"/>
      <c r="H37" s="59"/>
      <c r="I37" s="33"/>
      <c r="J37" s="59"/>
      <c r="K37" s="60"/>
      <c r="L37" s="60"/>
      <c r="M37" s="61"/>
      <c r="N37" s="61"/>
      <c r="O37" s="58"/>
      <c r="P37" s="33"/>
      <c r="Q37" s="59"/>
      <c r="R37" s="33"/>
      <c r="S37" s="62"/>
      <c r="T37" s="63"/>
      <c r="U37" s="59"/>
      <c r="V37" s="33"/>
      <c r="W37" s="59"/>
      <c r="X37" s="27"/>
      <c r="Y37" s="27"/>
      <c r="Z37" s="27"/>
      <c r="AA37" s="27"/>
      <c r="AB37" s="28"/>
      <c r="AC37" s="28"/>
      <c r="AD37" s="28"/>
      <c r="AE37" s="28"/>
      <c r="AF37" s="28"/>
      <c r="AG37" s="28"/>
      <c r="AH37" s="28"/>
      <c r="AI37" s="28"/>
      <c r="AJ37" s="28"/>
      <c r="AK37" s="29"/>
      <c r="AL37" s="29"/>
      <c r="AM37" s="30"/>
    </row>
    <row r="38" spans="1:39" s="46" customFormat="1" ht="9.75" customHeight="1">
      <c r="A38" s="47"/>
      <c r="B38" s="39"/>
      <c r="C38" s="33"/>
      <c r="D38" s="34"/>
      <c r="E38" s="175" t="s">
        <v>21</v>
      </c>
      <c r="F38" s="178" t="s">
        <v>53</v>
      </c>
      <c r="G38" s="48"/>
      <c r="H38" s="50"/>
      <c r="I38" s="48"/>
      <c r="J38" s="50"/>
      <c r="K38" s="51"/>
      <c r="L38" s="51"/>
      <c r="M38" s="52"/>
      <c r="N38" s="52"/>
      <c r="O38" s="49"/>
      <c r="P38" s="48"/>
      <c r="Q38" s="50"/>
      <c r="R38" s="48"/>
      <c r="S38" s="53"/>
      <c r="T38" s="54"/>
      <c r="U38" s="50"/>
      <c r="V38" s="48"/>
      <c r="W38" s="50"/>
      <c r="X38" s="55" t="s">
        <v>3</v>
      </c>
      <c r="Y38" s="55"/>
      <c r="Z38" s="55"/>
      <c r="AA38" s="55"/>
      <c r="AB38" s="56"/>
      <c r="AC38" s="56"/>
      <c r="AD38" s="56"/>
      <c r="AE38" s="56"/>
      <c r="AF38" s="56"/>
      <c r="AG38" s="56"/>
      <c r="AH38" s="56"/>
      <c r="AI38" s="56"/>
      <c r="AJ38" s="56"/>
      <c r="AK38" s="19"/>
      <c r="AL38" s="19"/>
      <c r="AM38" s="26"/>
    </row>
    <row r="39" spans="1:39" s="46" customFormat="1" ht="9.75" customHeight="1">
      <c r="A39" s="57"/>
      <c r="B39" s="58"/>
      <c r="C39" s="33"/>
      <c r="D39" s="34"/>
      <c r="E39" s="176"/>
      <c r="F39" s="179"/>
      <c r="G39" s="33"/>
      <c r="H39" s="59" t="s">
        <v>30</v>
      </c>
      <c r="I39" s="33"/>
      <c r="J39" s="59" t="s">
        <v>256</v>
      </c>
      <c r="K39" s="60" t="s">
        <v>30</v>
      </c>
      <c r="L39" s="60" t="s">
        <v>256</v>
      </c>
      <c r="M39" s="61"/>
      <c r="N39" s="61"/>
      <c r="O39" s="34"/>
      <c r="P39" s="33"/>
      <c r="Q39" s="59"/>
      <c r="R39" s="33" t="s">
        <v>257</v>
      </c>
      <c r="S39" s="62"/>
      <c r="T39" s="63" t="s">
        <v>257</v>
      </c>
      <c r="U39" s="59" t="s">
        <v>30</v>
      </c>
      <c r="V39" s="33"/>
      <c r="W39" s="59" t="s">
        <v>30</v>
      </c>
      <c r="X39" s="27"/>
      <c r="Y39" s="27"/>
      <c r="Z39" s="27"/>
      <c r="AA39" s="27"/>
      <c r="AB39" s="28"/>
      <c r="AC39" s="28"/>
      <c r="AD39" s="28"/>
      <c r="AE39" s="28"/>
      <c r="AF39" s="28"/>
      <c r="AG39" s="28"/>
      <c r="AH39" s="28"/>
      <c r="AI39" s="28"/>
      <c r="AJ39" s="28"/>
      <c r="AK39" s="29"/>
      <c r="AL39" s="29"/>
      <c r="AM39" s="30"/>
    </row>
    <row r="40" spans="1:39" s="46" customFormat="1" ht="9.75" customHeight="1">
      <c r="A40" s="158"/>
      <c r="B40" s="65"/>
      <c r="C40" s="64"/>
      <c r="D40" s="77"/>
      <c r="E40" s="177"/>
      <c r="F40" s="180"/>
      <c r="G40" s="64"/>
      <c r="H40" s="66"/>
      <c r="I40" s="64"/>
      <c r="J40" s="66"/>
      <c r="K40" s="67"/>
      <c r="L40" s="67"/>
      <c r="M40" s="68"/>
      <c r="N40" s="68"/>
      <c r="O40" s="77"/>
      <c r="P40" s="64"/>
      <c r="Q40" s="66"/>
      <c r="R40" s="64"/>
      <c r="S40" s="69"/>
      <c r="T40" s="70"/>
      <c r="U40" s="66"/>
      <c r="V40" s="64"/>
      <c r="W40" s="66"/>
      <c r="X40" s="71"/>
      <c r="Y40" s="71"/>
      <c r="Z40" s="71"/>
      <c r="AA40" s="71"/>
      <c r="AB40" s="72"/>
      <c r="AC40" s="72"/>
      <c r="AD40" s="72"/>
      <c r="AE40" s="72"/>
      <c r="AF40" s="72"/>
      <c r="AG40" s="72"/>
      <c r="AH40" s="72"/>
      <c r="AI40" s="72"/>
      <c r="AJ40" s="72"/>
      <c r="AK40" s="73"/>
      <c r="AL40" s="73"/>
      <c r="AM40" s="74"/>
    </row>
    <row r="41" spans="1:39" s="46" customFormat="1" ht="9.75" customHeight="1">
      <c r="A41" s="80"/>
      <c r="B41" s="81"/>
      <c r="C41" s="81"/>
      <c r="D41" s="81"/>
      <c r="E41" s="81"/>
      <c r="F41" s="81"/>
      <c r="G41" s="82"/>
      <c r="H41" s="83"/>
      <c r="I41" s="82"/>
      <c r="J41" s="83"/>
      <c r="K41" s="84"/>
      <c r="L41" s="84"/>
      <c r="M41" s="85"/>
      <c r="N41" s="85"/>
      <c r="O41" s="86"/>
      <c r="P41" s="82"/>
      <c r="Q41" s="83"/>
      <c r="R41" s="82"/>
      <c r="S41" s="87"/>
      <c r="T41" s="88"/>
      <c r="U41" s="83"/>
      <c r="V41" s="82"/>
      <c r="W41" s="83"/>
      <c r="X41" s="89" t="s">
        <v>3</v>
      </c>
      <c r="Y41" s="89"/>
      <c r="Z41" s="89"/>
      <c r="AA41" s="89"/>
      <c r="AB41" s="90"/>
      <c r="AC41" s="90"/>
      <c r="AD41" s="90"/>
      <c r="AE41" s="90"/>
      <c r="AF41" s="90"/>
      <c r="AG41" s="90"/>
      <c r="AH41" s="90"/>
      <c r="AI41" s="90"/>
      <c r="AJ41" s="90"/>
      <c r="AK41" s="91"/>
      <c r="AL41" s="91"/>
      <c r="AM41" s="92"/>
    </row>
    <row r="42" spans="1:39" s="46" customFormat="1" ht="9.75" customHeight="1">
      <c r="A42" s="181" t="s">
        <v>65</v>
      </c>
      <c r="B42" s="182"/>
      <c r="C42" s="183"/>
      <c r="D42" s="183"/>
      <c r="E42" s="183"/>
      <c r="F42" s="184"/>
      <c r="G42" s="35"/>
      <c r="H42" s="36" t="s">
        <v>231</v>
      </c>
      <c r="I42" s="35"/>
      <c r="J42" s="36" t="s">
        <v>232</v>
      </c>
      <c r="K42" s="37" t="s">
        <v>30</v>
      </c>
      <c r="L42" s="37" t="s">
        <v>233</v>
      </c>
      <c r="M42" s="38"/>
      <c r="N42" s="38"/>
      <c r="O42" s="39"/>
      <c r="P42" s="35"/>
      <c r="Q42" s="36"/>
      <c r="R42" s="35" t="s">
        <v>234</v>
      </c>
      <c r="S42" s="40"/>
      <c r="T42" s="41" t="s">
        <v>234</v>
      </c>
      <c r="U42" s="36" t="s">
        <v>30</v>
      </c>
      <c r="V42" s="35"/>
      <c r="W42" s="36" t="s">
        <v>30</v>
      </c>
      <c r="X42" s="42"/>
      <c r="Y42" s="42"/>
      <c r="Z42" s="42"/>
      <c r="AA42" s="42"/>
      <c r="AB42" s="43"/>
      <c r="AC42" s="43"/>
      <c r="AD42" s="43"/>
      <c r="AE42" s="43"/>
      <c r="AF42" s="43"/>
      <c r="AG42" s="43"/>
      <c r="AH42" s="43"/>
      <c r="AI42" s="43"/>
      <c r="AJ42" s="43"/>
      <c r="AK42" s="44"/>
      <c r="AL42" s="44"/>
      <c r="AM42" s="45"/>
    </row>
    <row r="43" spans="1:39" s="46" customFormat="1" ht="9.75" customHeight="1">
      <c r="A43" s="93"/>
      <c r="B43" s="94"/>
      <c r="C43" s="94"/>
      <c r="D43" s="94"/>
      <c r="E43" s="94"/>
      <c r="F43" s="94"/>
      <c r="G43" s="95"/>
      <c r="H43" s="96"/>
      <c r="I43" s="95"/>
      <c r="J43" s="96"/>
      <c r="K43" s="97"/>
      <c r="L43" s="97"/>
      <c r="M43" s="98"/>
      <c r="N43" s="98"/>
      <c r="O43" s="99"/>
      <c r="P43" s="95"/>
      <c r="Q43" s="96"/>
      <c r="R43" s="95"/>
      <c r="S43" s="100"/>
      <c r="T43" s="101"/>
      <c r="U43" s="96"/>
      <c r="V43" s="95"/>
      <c r="W43" s="96"/>
      <c r="X43" s="102"/>
      <c r="Y43" s="102"/>
      <c r="Z43" s="102"/>
      <c r="AA43" s="102"/>
      <c r="AB43" s="103"/>
      <c r="AC43" s="103"/>
      <c r="AD43" s="103"/>
      <c r="AE43" s="103"/>
      <c r="AF43" s="103"/>
      <c r="AG43" s="103"/>
      <c r="AH43" s="103"/>
      <c r="AI43" s="103"/>
      <c r="AJ43" s="103"/>
      <c r="AK43" s="104"/>
      <c r="AL43" s="104"/>
      <c r="AM43" s="155"/>
    </row>
    <row r="44" spans="1:39" ht="9.75" customHeight="1">
      <c r="A44" s="105"/>
      <c r="B44" s="106"/>
      <c r="C44" s="106"/>
      <c r="D44" s="106"/>
      <c r="E44" s="106"/>
      <c r="F44" s="106"/>
      <c r="G44" s="106"/>
      <c r="H44" s="106"/>
      <c r="I44" s="106"/>
      <c r="J44" s="106"/>
      <c r="K44" s="106"/>
      <c r="L44" s="106"/>
      <c r="M44" s="106"/>
      <c r="N44" s="106"/>
      <c r="O44" s="106"/>
      <c r="P44" s="106"/>
      <c r="Q44" s="106"/>
      <c r="R44" s="106"/>
      <c r="S44" s="106"/>
      <c r="T44" s="106"/>
      <c r="U44" s="106"/>
      <c r="V44" s="106"/>
      <c r="W44" s="106"/>
      <c r="X44" s="107"/>
      <c r="Y44" s="107"/>
      <c r="Z44" s="107"/>
      <c r="AA44" s="107"/>
      <c r="AB44" s="107"/>
      <c r="AC44" s="107"/>
      <c r="AD44" s="107"/>
      <c r="AE44" s="107"/>
      <c r="AF44" s="107"/>
      <c r="AG44" s="107"/>
      <c r="AH44" s="107"/>
      <c r="AI44" s="107"/>
      <c r="AJ44" s="107"/>
      <c r="AK44" s="107"/>
      <c r="AL44" s="107"/>
      <c r="AM44" s="108"/>
    </row>
    <row r="45" spans="1:39" ht="9.75" customHeight="1">
      <c r="A45" s="109"/>
      <c r="B45" s="110"/>
      <c r="C45" s="110"/>
      <c r="D45" s="110"/>
      <c r="E45" s="110"/>
      <c r="F45" s="110"/>
      <c r="G45" s="110"/>
      <c r="H45" s="110"/>
      <c r="I45" s="110"/>
      <c r="J45" s="110"/>
      <c r="K45" s="110"/>
      <c r="L45" s="110"/>
      <c r="M45" s="110"/>
      <c r="N45" s="110"/>
      <c r="O45" s="110"/>
      <c r="P45" s="110"/>
      <c r="Q45" s="110"/>
      <c r="R45" s="110"/>
      <c r="S45" s="110"/>
      <c r="T45" s="110"/>
      <c r="U45" s="110"/>
      <c r="V45" s="110"/>
      <c r="W45" s="110"/>
      <c r="X45" s="110"/>
      <c r="Y45" s="110"/>
      <c r="Z45" s="110"/>
      <c r="AA45" s="110"/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0"/>
      <c r="AM45" s="111"/>
    </row>
    <row r="46" spans="1:39" ht="9.75" customHeight="1">
      <c r="A46" s="109"/>
      <c r="B46" s="110"/>
      <c r="C46" s="110"/>
      <c r="D46" s="110"/>
      <c r="E46" s="110"/>
      <c r="F46" s="110"/>
      <c r="G46" s="110"/>
      <c r="H46" s="110"/>
      <c r="I46" s="110"/>
      <c r="J46" s="110"/>
      <c r="K46" s="110"/>
      <c r="L46" s="110"/>
      <c r="M46" s="110"/>
      <c r="N46" s="110"/>
      <c r="O46" s="110"/>
      <c r="P46" s="110"/>
      <c r="Q46" s="110"/>
      <c r="R46" s="110"/>
      <c r="S46" s="110"/>
      <c r="T46" s="110"/>
      <c r="U46" s="110"/>
      <c r="V46" s="110"/>
      <c r="W46" s="110"/>
      <c r="X46" s="110"/>
      <c r="Y46" s="110"/>
      <c r="Z46" s="110"/>
      <c r="AA46" s="110"/>
      <c r="AB46" s="110"/>
      <c r="AC46" s="110"/>
      <c r="AD46" s="110"/>
      <c r="AE46" s="110"/>
      <c r="AF46" s="110"/>
      <c r="AG46" s="110"/>
      <c r="AH46" s="110"/>
      <c r="AI46" s="110"/>
      <c r="AJ46" s="110"/>
      <c r="AK46" s="110"/>
      <c r="AL46" s="110"/>
      <c r="AM46" s="111"/>
    </row>
    <row r="47" spans="1:39" ht="9.75" customHeight="1">
      <c r="A47" s="109"/>
      <c r="B47" s="110"/>
      <c r="C47" s="110"/>
      <c r="D47" s="110"/>
      <c r="E47" s="110"/>
      <c r="F47" s="110"/>
      <c r="G47" s="110"/>
      <c r="H47" s="110"/>
      <c r="I47" s="110"/>
      <c r="J47" s="110"/>
      <c r="K47" s="110"/>
      <c r="L47" s="110"/>
      <c r="M47" s="110"/>
      <c r="N47" s="110"/>
      <c r="O47" s="110"/>
      <c r="P47" s="110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1"/>
    </row>
    <row r="48" spans="1:39" ht="9.75" customHeight="1">
      <c r="A48" s="109"/>
      <c r="B48" s="110"/>
      <c r="C48" s="110"/>
      <c r="D48" s="110"/>
      <c r="E48" s="110"/>
      <c r="F48" s="110"/>
      <c r="G48" s="110"/>
      <c r="H48" s="110"/>
      <c r="I48" s="110"/>
      <c r="J48" s="110"/>
      <c r="K48" s="110"/>
      <c r="L48" s="110"/>
      <c r="M48" s="110"/>
      <c r="N48" s="110"/>
      <c r="O48" s="110"/>
      <c r="P48" s="110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1"/>
    </row>
    <row r="49" spans="1:39" ht="9.75" customHeight="1">
      <c r="A49" s="109"/>
      <c r="B49" s="110"/>
      <c r="C49" s="110"/>
      <c r="D49" s="110"/>
      <c r="E49" s="110"/>
      <c r="F49" s="110"/>
      <c r="G49" s="110"/>
      <c r="H49" s="110"/>
      <c r="I49" s="110"/>
      <c r="J49" s="110"/>
      <c r="K49" s="110"/>
      <c r="L49" s="110"/>
      <c r="M49" s="110"/>
      <c r="N49" s="110"/>
      <c r="O49" s="110"/>
      <c r="P49" s="110"/>
      <c r="Q49" s="110"/>
      <c r="R49" s="110"/>
      <c r="S49" s="110"/>
      <c r="T49" s="110"/>
      <c r="U49" s="110"/>
      <c r="V49" s="110"/>
      <c r="W49" s="110"/>
      <c r="X49" s="110"/>
      <c r="Y49" s="110"/>
      <c r="Z49" s="110"/>
      <c r="AA49" s="110"/>
      <c r="AB49" s="110"/>
      <c r="AC49" s="110"/>
      <c r="AD49" s="110"/>
      <c r="AE49" s="110"/>
      <c r="AF49" s="110"/>
      <c r="AG49" s="110"/>
      <c r="AH49" s="110"/>
      <c r="AI49" s="110"/>
      <c r="AJ49" s="110"/>
      <c r="AK49" s="110"/>
      <c r="AL49" s="110"/>
      <c r="AM49" s="111"/>
    </row>
    <row r="50" spans="1:39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1"/>
    </row>
    <row r="51" spans="1:39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1"/>
    </row>
    <row r="52" spans="1:39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1"/>
    </row>
    <row r="53" spans="1:39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1"/>
    </row>
    <row r="54" spans="1:39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1"/>
    </row>
    <row r="55" spans="1:39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1"/>
    </row>
    <row r="56" spans="1:39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1"/>
    </row>
    <row r="57" spans="1:39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1"/>
    </row>
    <row r="58" spans="1:39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1"/>
    </row>
    <row r="59" spans="1:39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1"/>
    </row>
    <row r="60" spans="1:39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1"/>
    </row>
    <row r="61" spans="1:39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1"/>
    </row>
    <row r="62" spans="1:39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1"/>
    </row>
    <row r="63" spans="1:39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1"/>
    </row>
    <row r="64" spans="1:39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1"/>
    </row>
    <row r="65" spans="1:39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1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39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E23:E25"/>
    <mergeCell ref="F23:F25"/>
    <mergeCell ref="N26:N28"/>
    <mergeCell ref="O26:O28"/>
    <mergeCell ref="E38:E40"/>
    <mergeCell ref="F38:F40"/>
    <mergeCell ref="A42:F42"/>
    <mergeCell ref="C29:C31"/>
    <mergeCell ref="D29:D31"/>
    <mergeCell ref="E32:E34"/>
    <mergeCell ref="F32:F34"/>
    <mergeCell ref="C35:C37"/>
    <mergeCell ref="D35:D37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2" max="84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Q7007"/>
  <sheetViews>
    <sheetView zoomScaleNormal="100" zoomScaleSheetLayoutView="100" workbookViewId="0"/>
  </sheetViews>
  <sheetFormatPr defaultColWidth="9" defaultRowHeight="9.75" customHeight="1"/>
  <cols>
    <col min="1" max="1" width="2" style="13" customWidth="1"/>
    <col min="2" max="2" width="10.6640625" style="13" customWidth="1"/>
    <col min="3" max="3" width="2" style="13" customWidth="1"/>
    <col min="4" max="4" width="10.6640625" style="13" customWidth="1"/>
    <col min="5" max="5" width="2" style="13" customWidth="1"/>
    <col min="6" max="6" width="10.6640625" style="13" customWidth="1"/>
    <col min="7" max="7" width="2.33203125" style="13" customWidth="1"/>
    <col min="8" max="8" width="10" style="13" customWidth="1"/>
    <col min="9" max="9" width="1.88671875" style="13" customWidth="1"/>
    <col min="10" max="11" width="10.88671875" style="13" customWidth="1"/>
    <col min="12" max="12" width="1.88671875" style="13" customWidth="1"/>
    <col min="13" max="13" width="8.109375" style="13" customWidth="1"/>
    <col min="14" max="14" width="12.33203125" style="13" customWidth="1"/>
    <col min="15" max="15" width="0" style="13" hidden="1" customWidth="1"/>
    <col min="16" max="16" width="2" style="13" customWidth="1"/>
    <col min="17" max="17" width="10.6640625" style="13" customWidth="1"/>
    <col min="18" max="18" width="2.33203125" style="13" customWidth="1"/>
    <col min="19" max="19" width="10" style="13" customWidth="1"/>
    <col min="20" max="20" width="13" style="13" customWidth="1"/>
    <col min="21" max="21" width="2.109375" style="13" customWidth="1"/>
    <col min="22" max="22" width="8.77734375" style="13" customWidth="1"/>
    <col min="23" max="25" width="10.88671875" style="13" customWidth="1"/>
    <col min="26" max="29" width="0.6640625" style="13" customWidth="1"/>
    <col min="30" max="30" width="1.77734375" style="13" customWidth="1"/>
    <col min="31" max="37" width="1.21875" style="13" customWidth="1"/>
    <col min="38" max="41" width="0.6640625" style="13" customWidth="1"/>
    <col min="42" max="16384" width="9" style="13"/>
  </cols>
  <sheetData>
    <row r="2" spans="1:43" s="3" customFormat="1" ht="3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  <c r="L2" s="116"/>
      <c r="M2" s="116"/>
      <c r="N2" s="116"/>
      <c r="O2" s="116"/>
      <c r="P2" s="116"/>
      <c r="Q2" s="116"/>
      <c r="R2" s="116"/>
      <c r="S2" s="116"/>
      <c r="T2" s="116"/>
      <c r="U2" s="116"/>
      <c r="V2" s="116"/>
      <c r="W2" s="116"/>
      <c r="X2" s="116"/>
      <c r="Y2" s="116"/>
      <c r="Z2" s="116"/>
      <c r="AA2" s="116"/>
      <c r="AB2" s="116"/>
      <c r="AC2" s="116"/>
      <c r="AD2" s="116"/>
      <c r="AE2" s="116"/>
      <c r="AF2" s="116"/>
      <c r="AG2" s="116"/>
      <c r="AH2" s="116"/>
      <c r="AI2" s="116"/>
      <c r="AJ2" s="116"/>
      <c r="AK2" s="116"/>
      <c r="AL2" s="116"/>
      <c r="AM2" s="116"/>
      <c r="AN2" s="116"/>
      <c r="AO2" s="116"/>
      <c r="AP2" s="116"/>
      <c r="AQ2" s="116"/>
    </row>
    <row r="3" spans="1:43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4"/>
      <c r="AQ3" s="4"/>
    </row>
    <row r="4" spans="1:43" s="3" customFormat="1" ht="26.25" customHeight="1">
      <c r="A4" s="117"/>
      <c r="B4" s="6" t="s">
        <v>68</v>
      </c>
      <c r="C4" s="118"/>
      <c r="D4" s="119" t="s">
        <v>258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/>
      <c r="AI4" s="4"/>
      <c r="AJ4" s="4"/>
      <c r="AK4" s="4"/>
      <c r="AL4" s="4"/>
      <c r="AM4" s="4"/>
      <c r="AN4" s="4"/>
      <c r="AO4" s="120" t="s">
        <v>3</v>
      </c>
      <c r="AP4" s="4"/>
      <c r="AQ4" s="4"/>
    </row>
    <row r="5" spans="1:43" ht="14.2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51" t="s">
        <v>70</v>
      </c>
      <c r="U5" s="228" t="s">
        <v>71</v>
      </c>
      <c r="V5" s="228"/>
      <c r="W5" s="228"/>
      <c r="X5" s="229"/>
      <c r="Y5" s="236" t="s">
        <v>72</v>
      </c>
      <c r="Z5" s="195" t="s">
        <v>12</v>
      </c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6"/>
      <c r="AN5" s="196"/>
      <c r="AO5" s="197"/>
      <c r="AP5" s="12"/>
      <c r="AQ5" s="12"/>
    </row>
    <row r="6" spans="1:43" ht="14.25" customHeight="1">
      <c r="A6" s="225"/>
      <c r="B6" s="184"/>
      <c r="C6" s="198"/>
      <c r="D6" s="184"/>
      <c r="E6" s="198"/>
      <c r="F6" s="184"/>
      <c r="G6" s="237" t="s">
        <v>13</v>
      </c>
      <c r="H6" s="204"/>
      <c r="I6" s="237" t="s">
        <v>14</v>
      </c>
      <c r="J6" s="204"/>
      <c r="K6" s="206" t="s">
        <v>73</v>
      </c>
      <c r="L6" s="240" t="s">
        <v>74</v>
      </c>
      <c r="M6" s="241"/>
      <c r="N6" s="209" t="s">
        <v>16</v>
      </c>
      <c r="O6" s="14"/>
      <c r="P6" s="212" t="s">
        <v>17</v>
      </c>
      <c r="Q6" s="212"/>
      <c r="R6" s="212"/>
      <c r="S6" s="212"/>
      <c r="T6" s="252"/>
      <c r="U6" s="246" t="s">
        <v>75</v>
      </c>
      <c r="V6" s="178"/>
      <c r="W6" s="209" t="s">
        <v>76</v>
      </c>
      <c r="X6" s="209" t="s">
        <v>77</v>
      </c>
      <c r="Y6" s="210"/>
      <c r="Z6" s="198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83"/>
      <c r="AN6" s="183"/>
      <c r="AO6" s="199"/>
      <c r="AP6" s="12"/>
      <c r="AQ6" s="12"/>
    </row>
    <row r="7" spans="1:43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38"/>
      <c r="L7" s="242"/>
      <c r="M7" s="243"/>
      <c r="N7" s="210"/>
      <c r="O7" s="15"/>
      <c r="P7" s="214" t="s">
        <v>18</v>
      </c>
      <c r="Q7" s="204"/>
      <c r="R7" s="203" t="s">
        <v>19</v>
      </c>
      <c r="S7" s="214"/>
      <c r="T7" s="252"/>
      <c r="U7" s="247"/>
      <c r="V7" s="248"/>
      <c r="W7" s="210"/>
      <c r="X7" s="210"/>
      <c r="Y7" s="210"/>
      <c r="Z7" s="198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83"/>
      <c r="AN7" s="183"/>
      <c r="AO7" s="199"/>
      <c r="AP7" s="12"/>
      <c r="AQ7" s="12"/>
    </row>
    <row r="8" spans="1:43" ht="9" customHeight="1">
      <c r="A8" s="226"/>
      <c r="B8" s="205"/>
      <c r="C8" s="200"/>
      <c r="D8" s="205"/>
      <c r="E8" s="200"/>
      <c r="F8" s="205"/>
      <c r="G8" s="200"/>
      <c r="H8" s="205"/>
      <c r="I8" s="200"/>
      <c r="J8" s="205"/>
      <c r="K8" s="239"/>
      <c r="L8" s="244"/>
      <c r="M8" s="245"/>
      <c r="N8" s="211"/>
      <c r="O8" s="16"/>
      <c r="P8" s="201"/>
      <c r="Q8" s="205"/>
      <c r="R8" s="200"/>
      <c r="S8" s="201"/>
      <c r="T8" s="253"/>
      <c r="U8" s="249"/>
      <c r="V8" s="250"/>
      <c r="W8" s="211"/>
      <c r="X8" s="211"/>
      <c r="Y8" s="211"/>
      <c r="Z8" s="200"/>
      <c r="AA8" s="201"/>
      <c r="AB8" s="201"/>
      <c r="AC8" s="201"/>
      <c r="AD8" s="201"/>
      <c r="AE8" s="201"/>
      <c r="AF8" s="201"/>
      <c r="AG8" s="201"/>
      <c r="AH8" s="201"/>
      <c r="AI8" s="201"/>
      <c r="AJ8" s="201"/>
      <c r="AK8" s="201"/>
      <c r="AL8" s="201"/>
      <c r="AM8" s="201"/>
      <c r="AN8" s="201"/>
      <c r="AO8" s="202"/>
      <c r="AP8" s="12"/>
      <c r="AQ8" s="12"/>
    </row>
    <row r="9" spans="1:43" s="32" customFormat="1" ht="9" customHeight="1">
      <c r="A9" s="17"/>
      <c r="B9" s="18"/>
      <c r="C9" s="19"/>
      <c r="D9" s="18"/>
      <c r="E9" s="19"/>
      <c r="F9" s="18"/>
      <c r="G9" s="20"/>
      <c r="H9" s="21" t="s">
        <v>20</v>
      </c>
      <c r="I9" s="20"/>
      <c r="J9" s="21" t="s">
        <v>20</v>
      </c>
      <c r="K9" s="22" t="s">
        <v>20</v>
      </c>
      <c r="L9" s="20"/>
      <c r="M9" s="21" t="s">
        <v>20</v>
      </c>
      <c r="N9" s="23" t="s">
        <v>20</v>
      </c>
      <c r="O9" s="29"/>
      <c r="P9" s="29"/>
      <c r="Q9" s="21"/>
      <c r="R9" s="20"/>
      <c r="S9" s="29" t="s">
        <v>20</v>
      </c>
      <c r="T9" s="121" t="s">
        <v>20</v>
      </c>
      <c r="U9" s="29"/>
      <c r="V9" s="21" t="s">
        <v>20</v>
      </c>
      <c r="W9" s="22" t="s">
        <v>20</v>
      </c>
      <c r="X9" s="22" t="s">
        <v>20</v>
      </c>
      <c r="Y9" s="22" t="s">
        <v>20</v>
      </c>
      <c r="Z9" s="122"/>
      <c r="AA9" s="27"/>
      <c r="AB9" s="27"/>
      <c r="AC9" s="27"/>
      <c r="AD9" s="28"/>
      <c r="AE9" s="29"/>
      <c r="AF9" s="29"/>
      <c r="AG9" s="29"/>
      <c r="AH9" s="27"/>
      <c r="AI9" s="27"/>
      <c r="AJ9" s="27"/>
      <c r="AK9" s="27"/>
      <c r="AL9" s="28"/>
      <c r="AM9" s="29"/>
      <c r="AN9" s="29"/>
      <c r="AO9" s="30"/>
      <c r="AP9" s="31"/>
      <c r="AQ9" s="31"/>
    </row>
    <row r="10" spans="1:43" s="46" customFormat="1" ht="9.75" customHeight="1">
      <c r="A10" s="192" t="s">
        <v>21</v>
      </c>
      <c r="B10" s="194" t="s">
        <v>259</v>
      </c>
      <c r="C10" s="35"/>
      <c r="D10" s="123"/>
      <c r="E10" s="35"/>
      <c r="F10" s="75"/>
      <c r="G10" s="35"/>
      <c r="H10" s="36"/>
      <c r="I10" s="35"/>
      <c r="J10" s="36"/>
      <c r="K10" s="124"/>
      <c r="L10" s="35"/>
      <c r="M10" s="125"/>
      <c r="N10" s="37"/>
      <c r="O10" s="38"/>
      <c r="P10" s="232"/>
      <c r="Q10" s="233"/>
      <c r="R10" s="35"/>
      <c r="S10" s="38"/>
      <c r="T10" s="126"/>
      <c r="U10" s="38"/>
      <c r="V10" s="36"/>
      <c r="W10" s="37"/>
      <c r="X10" s="37"/>
      <c r="Y10" s="37"/>
      <c r="Z10" s="127" t="s">
        <v>3</v>
      </c>
      <c r="AA10" s="42"/>
      <c r="AB10" s="42"/>
      <c r="AC10" s="42"/>
      <c r="AD10" s="43"/>
      <c r="AE10" s="44"/>
      <c r="AF10" s="44"/>
      <c r="AG10" s="44"/>
      <c r="AH10" s="42"/>
      <c r="AI10" s="42"/>
      <c r="AJ10" s="42"/>
      <c r="AK10" s="42"/>
      <c r="AL10" s="43"/>
      <c r="AM10" s="44"/>
      <c r="AN10" s="44"/>
      <c r="AO10" s="45"/>
    </row>
    <row r="11" spans="1:43" s="46" customFormat="1" ht="9.75" customHeight="1">
      <c r="A11" s="193"/>
      <c r="B11" s="179"/>
      <c r="C11" s="35"/>
      <c r="D11" s="123"/>
      <c r="E11" s="35"/>
      <c r="F11" s="75"/>
      <c r="G11" s="35"/>
      <c r="H11" s="36" t="s">
        <v>231</v>
      </c>
      <c r="I11" s="35"/>
      <c r="J11" s="36" t="s">
        <v>232</v>
      </c>
      <c r="K11" s="124" t="s">
        <v>30</v>
      </c>
      <c r="L11" s="35"/>
      <c r="M11" s="125" t="s">
        <v>30</v>
      </c>
      <c r="N11" s="37" t="s">
        <v>233</v>
      </c>
      <c r="O11" s="38"/>
      <c r="P11" s="186"/>
      <c r="Q11" s="234"/>
      <c r="R11" s="35"/>
      <c r="S11" s="38"/>
      <c r="T11" s="126" t="s">
        <v>234</v>
      </c>
      <c r="U11" s="38"/>
      <c r="V11" s="36" t="s">
        <v>30</v>
      </c>
      <c r="W11" s="37" t="s">
        <v>30</v>
      </c>
      <c r="X11" s="37" t="s">
        <v>30</v>
      </c>
      <c r="Y11" s="37" t="s">
        <v>260</v>
      </c>
      <c r="Z11" s="127"/>
      <c r="AA11" s="42"/>
      <c r="AB11" s="42"/>
      <c r="AC11" s="42"/>
      <c r="AD11" s="43"/>
      <c r="AE11" s="44"/>
      <c r="AF11" s="44"/>
      <c r="AG11" s="44"/>
      <c r="AH11" s="42"/>
      <c r="AI11" s="42"/>
      <c r="AJ11" s="42"/>
      <c r="AK11" s="42"/>
      <c r="AL11" s="43"/>
      <c r="AM11" s="44"/>
      <c r="AN11" s="44"/>
      <c r="AO11" s="45"/>
    </row>
    <row r="12" spans="1:43" s="46" customFormat="1" ht="9.75" customHeight="1">
      <c r="A12" s="193"/>
      <c r="B12" s="179"/>
      <c r="C12" s="35"/>
      <c r="D12" s="123"/>
      <c r="E12" s="35"/>
      <c r="F12" s="75"/>
      <c r="G12" s="35"/>
      <c r="H12" s="36"/>
      <c r="I12" s="35"/>
      <c r="J12" s="36"/>
      <c r="K12" s="124"/>
      <c r="L12" s="35"/>
      <c r="M12" s="125"/>
      <c r="N12" s="37"/>
      <c r="O12" s="38"/>
      <c r="P12" s="187"/>
      <c r="Q12" s="235"/>
      <c r="R12" s="35"/>
      <c r="S12" s="38"/>
      <c r="T12" s="126"/>
      <c r="U12" s="38"/>
      <c r="V12" s="36"/>
      <c r="W12" s="37"/>
      <c r="X12" s="37"/>
      <c r="Y12" s="37"/>
      <c r="Z12" s="127"/>
      <c r="AA12" s="42"/>
      <c r="AB12" s="42"/>
      <c r="AC12" s="42"/>
      <c r="AD12" s="43"/>
      <c r="AE12" s="44"/>
      <c r="AF12" s="44"/>
      <c r="AG12" s="44"/>
      <c r="AH12" s="42"/>
      <c r="AI12" s="42"/>
      <c r="AJ12" s="42"/>
      <c r="AK12" s="42"/>
      <c r="AL12" s="43"/>
      <c r="AM12" s="44"/>
      <c r="AN12" s="44"/>
      <c r="AO12" s="45"/>
    </row>
    <row r="13" spans="1:43" s="46" customFormat="1" ht="9.75" customHeight="1">
      <c r="A13" s="57"/>
      <c r="B13" s="58"/>
      <c r="C13" s="175" t="s">
        <v>21</v>
      </c>
      <c r="D13" s="188" t="s">
        <v>259</v>
      </c>
      <c r="E13" s="48"/>
      <c r="F13" s="49"/>
      <c r="G13" s="48"/>
      <c r="H13" s="50"/>
      <c r="I13" s="48"/>
      <c r="J13" s="50"/>
      <c r="K13" s="128"/>
      <c r="L13" s="48"/>
      <c r="M13" s="129"/>
      <c r="N13" s="51"/>
      <c r="O13" s="52"/>
      <c r="P13" s="52"/>
      <c r="Q13" s="76"/>
      <c r="R13" s="48"/>
      <c r="S13" s="52"/>
      <c r="T13" s="130"/>
      <c r="U13" s="52"/>
      <c r="V13" s="50"/>
      <c r="W13" s="51"/>
      <c r="X13" s="51"/>
      <c r="Y13" s="51"/>
      <c r="Z13" s="122" t="s">
        <v>3</v>
      </c>
      <c r="AA13" s="55"/>
      <c r="AB13" s="55"/>
      <c r="AC13" s="55"/>
      <c r="AD13" s="56"/>
      <c r="AE13" s="19"/>
      <c r="AF13" s="19"/>
      <c r="AG13" s="19"/>
      <c r="AH13" s="55"/>
      <c r="AI13" s="55"/>
      <c r="AJ13" s="55"/>
      <c r="AK13" s="55"/>
      <c r="AL13" s="56"/>
      <c r="AM13" s="19"/>
      <c r="AN13" s="19"/>
      <c r="AO13" s="26"/>
    </row>
    <row r="14" spans="1:43" s="46" customFormat="1" ht="9.75" customHeight="1">
      <c r="A14" s="57"/>
      <c r="B14" s="131"/>
      <c r="C14" s="176"/>
      <c r="D14" s="179"/>
      <c r="E14" s="33"/>
      <c r="F14" s="34"/>
      <c r="G14" s="33"/>
      <c r="H14" s="59" t="s">
        <v>231</v>
      </c>
      <c r="I14" s="33"/>
      <c r="J14" s="59" t="s">
        <v>232</v>
      </c>
      <c r="K14" s="132" t="s">
        <v>30</v>
      </c>
      <c r="L14" s="33"/>
      <c r="M14" s="133" t="s">
        <v>30</v>
      </c>
      <c r="N14" s="60" t="s">
        <v>233</v>
      </c>
      <c r="O14" s="61"/>
      <c r="P14" s="61"/>
      <c r="Q14" s="34"/>
      <c r="R14" s="33"/>
      <c r="S14" s="61"/>
      <c r="T14" s="134" t="s">
        <v>234</v>
      </c>
      <c r="U14" s="61"/>
      <c r="V14" s="59" t="s">
        <v>30</v>
      </c>
      <c r="W14" s="60" t="s">
        <v>30</v>
      </c>
      <c r="X14" s="60" t="s">
        <v>30</v>
      </c>
      <c r="Y14" s="60" t="s">
        <v>260</v>
      </c>
      <c r="Z14" s="135"/>
      <c r="AA14" s="27"/>
      <c r="AB14" s="27"/>
      <c r="AC14" s="27"/>
      <c r="AD14" s="28"/>
      <c r="AE14" s="29"/>
      <c r="AF14" s="29"/>
      <c r="AG14" s="29"/>
      <c r="AH14" s="27"/>
      <c r="AI14" s="27"/>
      <c r="AJ14" s="27"/>
      <c r="AK14" s="27"/>
      <c r="AL14" s="28"/>
      <c r="AM14" s="29"/>
      <c r="AN14" s="29"/>
      <c r="AO14" s="30"/>
    </row>
    <row r="15" spans="1:43" s="46" customFormat="1" ht="9.75" customHeight="1">
      <c r="A15" s="57"/>
      <c r="B15" s="131"/>
      <c r="C15" s="176"/>
      <c r="D15" s="179"/>
      <c r="E15" s="33"/>
      <c r="F15" s="34"/>
      <c r="G15" s="33"/>
      <c r="H15" s="59"/>
      <c r="I15" s="33"/>
      <c r="J15" s="59"/>
      <c r="K15" s="132"/>
      <c r="L15" s="33"/>
      <c r="M15" s="133"/>
      <c r="N15" s="60"/>
      <c r="O15" s="61"/>
      <c r="P15" s="61"/>
      <c r="Q15" s="34"/>
      <c r="R15" s="33"/>
      <c r="S15" s="61"/>
      <c r="T15" s="134"/>
      <c r="U15" s="61"/>
      <c r="V15" s="59"/>
      <c r="W15" s="60"/>
      <c r="X15" s="60"/>
      <c r="Y15" s="60"/>
      <c r="Z15" s="135"/>
      <c r="AA15" s="27"/>
      <c r="AB15" s="27"/>
      <c r="AC15" s="27"/>
      <c r="AD15" s="28"/>
      <c r="AE15" s="29"/>
      <c r="AF15" s="29"/>
      <c r="AG15" s="29"/>
      <c r="AH15" s="27"/>
      <c r="AI15" s="27"/>
      <c r="AJ15" s="27"/>
      <c r="AK15" s="27"/>
      <c r="AL15" s="28"/>
      <c r="AM15" s="29"/>
      <c r="AN15" s="29"/>
      <c r="AO15" s="30"/>
    </row>
    <row r="16" spans="1:43" s="46" customFormat="1" ht="9.75" customHeight="1">
      <c r="A16" s="57"/>
      <c r="B16" s="131"/>
      <c r="C16" s="33"/>
      <c r="D16" s="58"/>
      <c r="E16" s="175" t="s">
        <v>21</v>
      </c>
      <c r="F16" s="189" t="s">
        <v>261</v>
      </c>
      <c r="G16" s="48"/>
      <c r="H16" s="50"/>
      <c r="I16" s="48"/>
      <c r="J16" s="50"/>
      <c r="K16" s="128"/>
      <c r="L16" s="48"/>
      <c r="M16" s="129"/>
      <c r="N16" s="51"/>
      <c r="O16" s="52"/>
      <c r="P16" s="52"/>
      <c r="Q16" s="76"/>
      <c r="R16" s="48"/>
      <c r="S16" s="52"/>
      <c r="T16" s="130"/>
      <c r="U16" s="52"/>
      <c r="V16" s="50"/>
      <c r="W16" s="51"/>
      <c r="X16" s="51"/>
      <c r="Y16" s="51"/>
      <c r="Z16" s="122" t="s">
        <v>3</v>
      </c>
      <c r="AA16" s="55"/>
      <c r="AB16" s="55"/>
      <c r="AC16" s="55"/>
      <c r="AD16" s="56"/>
      <c r="AE16" s="19"/>
      <c r="AF16" s="19"/>
      <c r="AG16" s="19"/>
      <c r="AH16" s="55"/>
      <c r="AI16" s="55"/>
      <c r="AJ16" s="55"/>
      <c r="AK16" s="55"/>
      <c r="AL16" s="56"/>
      <c r="AM16" s="19"/>
      <c r="AN16" s="19"/>
      <c r="AO16" s="26"/>
    </row>
    <row r="17" spans="1:41" s="46" customFormat="1" ht="9.75" customHeight="1">
      <c r="A17" s="57"/>
      <c r="B17" s="131"/>
      <c r="C17" s="33"/>
      <c r="D17" s="131"/>
      <c r="E17" s="176"/>
      <c r="F17" s="190"/>
      <c r="G17" s="33"/>
      <c r="H17" s="59" t="s">
        <v>262</v>
      </c>
      <c r="I17" s="33"/>
      <c r="J17" s="59" t="s">
        <v>263</v>
      </c>
      <c r="K17" s="132" t="s">
        <v>30</v>
      </c>
      <c r="L17" s="33"/>
      <c r="M17" s="133" t="s">
        <v>30</v>
      </c>
      <c r="N17" s="60" t="s">
        <v>264</v>
      </c>
      <c r="O17" s="61"/>
      <c r="P17" s="61"/>
      <c r="Q17" s="34"/>
      <c r="R17" s="33"/>
      <c r="S17" s="61"/>
      <c r="T17" s="134" t="s">
        <v>265</v>
      </c>
      <c r="U17" s="61"/>
      <c r="V17" s="59" t="s">
        <v>30</v>
      </c>
      <c r="W17" s="60" t="s">
        <v>30</v>
      </c>
      <c r="X17" s="60" t="s">
        <v>30</v>
      </c>
      <c r="Y17" s="60" t="s">
        <v>266</v>
      </c>
      <c r="Z17" s="135"/>
      <c r="AA17" s="27"/>
      <c r="AB17" s="27"/>
      <c r="AC17" s="27"/>
      <c r="AD17" s="28"/>
      <c r="AE17" s="29"/>
      <c r="AF17" s="29"/>
      <c r="AG17" s="29"/>
      <c r="AH17" s="27"/>
      <c r="AI17" s="27"/>
      <c r="AJ17" s="27"/>
      <c r="AK17" s="27"/>
      <c r="AL17" s="28"/>
      <c r="AM17" s="29"/>
      <c r="AN17" s="29"/>
      <c r="AO17" s="30"/>
    </row>
    <row r="18" spans="1:41" s="46" customFormat="1" ht="9.75" customHeight="1">
      <c r="A18" s="57"/>
      <c r="B18" s="131"/>
      <c r="C18" s="33"/>
      <c r="D18" s="131"/>
      <c r="E18" s="176"/>
      <c r="F18" s="190"/>
      <c r="G18" s="33"/>
      <c r="H18" s="59"/>
      <c r="I18" s="33"/>
      <c r="J18" s="59"/>
      <c r="K18" s="132"/>
      <c r="L18" s="33"/>
      <c r="M18" s="133"/>
      <c r="N18" s="60"/>
      <c r="O18" s="61"/>
      <c r="P18" s="61"/>
      <c r="Q18" s="34"/>
      <c r="R18" s="33"/>
      <c r="S18" s="61"/>
      <c r="T18" s="134"/>
      <c r="U18" s="61"/>
      <c r="V18" s="59"/>
      <c r="W18" s="60"/>
      <c r="X18" s="60"/>
      <c r="Y18" s="60"/>
      <c r="Z18" s="135"/>
      <c r="AA18" s="27"/>
      <c r="AB18" s="27"/>
      <c r="AC18" s="27"/>
      <c r="AD18" s="28"/>
      <c r="AE18" s="29"/>
      <c r="AF18" s="29"/>
      <c r="AG18" s="29"/>
      <c r="AH18" s="27"/>
      <c r="AI18" s="27"/>
      <c r="AJ18" s="27"/>
      <c r="AK18" s="27"/>
      <c r="AL18" s="28"/>
      <c r="AM18" s="29"/>
      <c r="AN18" s="29"/>
      <c r="AO18" s="30"/>
    </row>
    <row r="19" spans="1:41" s="46" customFormat="1" ht="9.75" customHeight="1">
      <c r="A19" s="57"/>
      <c r="B19" s="131"/>
      <c r="C19" s="33"/>
      <c r="D19" s="131"/>
      <c r="E19" s="33"/>
      <c r="F19" s="58"/>
      <c r="G19" s="33"/>
      <c r="H19" s="59"/>
      <c r="I19" s="33"/>
      <c r="J19" s="59"/>
      <c r="K19" s="132"/>
      <c r="L19" s="33"/>
      <c r="M19" s="133"/>
      <c r="N19" s="60"/>
      <c r="O19" s="61"/>
      <c r="P19" s="185" t="s">
        <v>102</v>
      </c>
      <c r="Q19" s="188" t="s">
        <v>103</v>
      </c>
      <c r="R19" s="48"/>
      <c r="S19" s="52"/>
      <c r="T19" s="130"/>
      <c r="U19" s="52"/>
      <c r="V19" s="50"/>
      <c r="W19" s="51"/>
      <c r="X19" s="51"/>
      <c r="Y19" s="51"/>
      <c r="Z19" s="122" t="s">
        <v>3</v>
      </c>
      <c r="AA19" s="55"/>
      <c r="AB19" s="55"/>
      <c r="AC19" s="55"/>
      <c r="AD19" s="56"/>
      <c r="AE19" s="19"/>
      <c r="AF19" s="19"/>
      <c r="AG19" s="19"/>
      <c r="AH19" s="55"/>
      <c r="AI19" s="55"/>
      <c r="AJ19" s="55"/>
      <c r="AK19" s="55"/>
      <c r="AL19" s="56"/>
      <c r="AM19" s="19"/>
      <c r="AN19" s="19"/>
      <c r="AO19" s="26"/>
    </row>
    <row r="20" spans="1:41" s="46" customFormat="1" ht="9.75" customHeight="1">
      <c r="A20" s="57"/>
      <c r="B20" s="131"/>
      <c r="C20" s="33"/>
      <c r="D20" s="131"/>
      <c r="E20" s="33"/>
      <c r="F20" s="58"/>
      <c r="G20" s="33"/>
      <c r="H20" s="59"/>
      <c r="I20" s="33"/>
      <c r="J20" s="59"/>
      <c r="K20" s="132"/>
      <c r="L20" s="33"/>
      <c r="M20" s="133"/>
      <c r="N20" s="60"/>
      <c r="O20" s="61"/>
      <c r="P20" s="186"/>
      <c r="Q20" s="179"/>
      <c r="R20" s="33"/>
      <c r="S20" s="61" t="s">
        <v>264</v>
      </c>
      <c r="T20" s="134" t="s">
        <v>265</v>
      </c>
      <c r="U20" s="61"/>
      <c r="V20" s="59" t="s">
        <v>30</v>
      </c>
      <c r="W20" s="60" t="s">
        <v>30</v>
      </c>
      <c r="X20" s="60" t="s">
        <v>30</v>
      </c>
      <c r="Y20" s="60" t="s">
        <v>266</v>
      </c>
      <c r="Z20" s="135"/>
      <c r="AA20" s="27"/>
      <c r="AB20" s="27"/>
      <c r="AC20" s="27"/>
      <c r="AD20" s="28"/>
      <c r="AE20" s="29"/>
      <c r="AF20" s="29"/>
      <c r="AG20" s="29"/>
      <c r="AH20" s="27"/>
      <c r="AI20" s="27"/>
      <c r="AJ20" s="27"/>
      <c r="AK20" s="27"/>
      <c r="AL20" s="28"/>
      <c r="AM20" s="29"/>
      <c r="AN20" s="29"/>
      <c r="AO20" s="30"/>
    </row>
    <row r="21" spans="1:41" s="46" customFormat="1" ht="9.75" customHeight="1">
      <c r="A21" s="57"/>
      <c r="B21" s="131"/>
      <c r="C21" s="33"/>
      <c r="D21" s="131"/>
      <c r="E21" s="33"/>
      <c r="F21" s="58"/>
      <c r="G21" s="33"/>
      <c r="H21" s="59"/>
      <c r="I21" s="33"/>
      <c r="J21" s="59"/>
      <c r="K21" s="132"/>
      <c r="L21" s="33"/>
      <c r="M21" s="133"/>
      <c r="N21" s="60"/>
      <c r="O21" s="61"/>
      <c r="P21" s="187"/>
      <c r="Q21" s="180"/>
      <c r="R21" s="33"/>
      <c r="S21" s="61"/>
      <c r="T21" s="134"/>
      <c r="U21" s="61"/>
      <c r="V21" s="59"/>
      <c r="W21" s="60"/>
      <c r="X21" s="60"/>
      <c r="Y21" s="60"/>
      <c r="Z21" s="135"/>
      <c r="AA21" s="27"/>
      <c r="AB21" s="27"/>
      <c r="AC21" s="27"/>
      <c r="AD21" s="28"/>
      <c r="AE21" s="29"/>
      <c r="AF21" s="29"/>
      <c r="AG21" s="29"/>
      <c r="AH21" s="27"/>
      <c r="AI21" s="27"/>
      <c r="AJ21" s="27"/>
      <c r="AK21" s="27"/>
      <c r="AL21" s="28"/>
      <c r="AM21" s="29"/>
      <c r="AN21" s="29"/>
      <c r="AO21" s="30"/>
    </row>
    <row r="22" spans="1:41" s="46" customFormat="1" ht="9.75" customHeight="1">
      <c r="A22" s="57"/>
      <c r="B22" s="141"/>
      <c r="C22" s="33"/>
      <c r="D22" s="34"/>
      <c r="E22" s="175" t="s">
        <v>36</v>
      </c>
      <c r="F22" s="188" t="s">
        <v>267</v>
      </c>
      <c r="G22" s="48"/>
      <c r="H22" s="50"/>
      <c r="I22" s="48"/>
      <c r="J22" s="50"/>
      <c r="K22" s="128"/>
      <c r="L22" s="48"/>
      <c r="M22" s="129"/>
      <c r="N22" s="51"/>
      <c r="O22" s="52"/>
      <c r="P22" s="52"/>
      <c r="Q22" s="76"/>
      <c r="R22" s="48"/>
      <c r="S22" s="52"/>
      <c r="T22" s="130"/>
      <c r="U22" s="52"/>
      <c r="V22" s="50"/>
      <c r="W22" s="51"/>
      <c r="X22" s="51"/>
      <c r="Y22" s="51"/>
      <c r="Z22" s="122" t="s">
        <v>3</v>
      </c>
      <c r="AA22" s="55"/>
      <c r="AB22" s="55"/>
      <c r="AC22" s="55"/>
      <c r="AD22" s="56"/>
      <c r="AE22" s="19"/>
      <c r="AF22" s="19"/>
      <c r="AG22" s="19"/>
      <c r="AH22" s="55"/>
      <c r="AI22" s="55"/>
      <c r="AJ22" s="55"/>
      <c r="AK22" s="55"/>
      <c r="AL22" s="56"/>
      <c r="AM22" s="19"/>
      <c r="AN22" s="19"/>
      <c r="AO22" s="26"/>
    </row>
    <row r="23" spans="1:41" s="46" customFormat="1" ht="9.75" customHeight="1">
      <c r="A23" s="57"/>
      <c r="B23" s="141"/>
      <c r="C23" s="33"/>
      <c r="D23" s="141"/>
      <c r="E23" s="176"/>
      <c r="F23" s="179"/>
      <c r="G23" s="33"/>
      <c r="H23" s="59" t="s">
        <v>268</v>
      </c>
      <c r="I23" s="33"/>
      <c r="J23" s="59" t="s">
        <v>269</v>
      </c>
      <c r="K23" s="132" t="s">
        <v>30</v>
      </c>
      <c r="L23" s="33"/>
      <c r="M23" s="133" t="s">
        <v>30</v>
      </c>
      <c r="N23" s="60" t="s">
        <v>270</v>
      </c>
      <c r="O23" s="61"/>
      <c r="P23" s="61"/>
      <c r="Q23" s="58"/>
      <c r="R23" s="33"/>
      <c r="S23" s="61"/>
      <c r="T23" s="134" t="s">
        <v>271</v>
      </c>
      <c r="U23" s="61"/>
      <c r="V23" s="59" t="s">
        <v>30</v>
      </c>
      <c r="W23" s="60" t="s">
        <v>30</v>
      </c>
      <c r="X23" s="60" t="s">
        <v>30</v>
      </c>
      <c r="Y23" s="60" t="s">
        <v>272</v>
      </c>
      <c r="Z23" s="135"/>
      <c r="AA23" s="27"/>
      <c r="AB23" s="27"/>
      <c r="AC23" s="27"/>
      <c r="AD23" s="28"/>
      <c r="AE23" s="29"/>
      <c r="AF23" s="29"/>
      <c r="AG23" s="29"/>
      <c r="AH23" s="27"/>
      <c r="AI23" s="27"/>
      <c r="AJ23" s="27"/>
      <c r="AK23" s="27"/>
      <c r="AL23" s="28"/>
      <c r="AM23" s="29"/>
      <c r="AN23" s="29"/>
      <c r="AO23" s="30"/>
    </row>
    <row r="24" spans="1:41" s="46" customFormat="1" ht="9.75" customHeight="1">
      <c r="A24" s="57"/>
      <c r="B24" s="141"/>
      <c r="C24" s="33"/>
      <c r="D24" s="141"/>
      <c r="E24" s="176"/>
      <c r="F24" s="179"/>
      <c r="G24" s="33"/>
      <c r="H24" s="59"/>
      <c r="I24" s="33"/>
      <c r="J24" s="59"/>
      <c r="K24" s="132"/>
      <c r="L24" s="33"/>
      <c r="M24" s="133"/>
      <c r="N24" s="60"/>
      <c r="O24" s="61"/>
      <c r="P24" s="61"/>
      <c r="Q24" s="58"/>
      <c r="R24" s="33"/>
      <c r="S24" s="61"/>
      <c r="T24" s="134"/>
      <c r="U24" s="61"/>
      <c r="V24" s="59"/>
      <c r="W24" s="60"/>
      <c r="X24" s="60"/>
      <c r="Y24" s="60"/>
      <c r="Z24" s="135"/>
      <c r="AA24" s="27"/>
      <c r="AB24" s="27"/>
      <c r="AC24" s="27"/>
      <c r="AD24" s="28"/>
      <c r="AE24" s="29"/>
      <c r="AF24" s="29"/>
      <c r="AG24" s="29"/>
      <c r="AH24" s="27"/>
      <c r="AI24" s="27"/>
      <c r="AJ24" s="27"/>
      <c r="AK24" s="27"/>
      <c r="AL24" s="28"/>
      <c r="AM24" s="29"/>
      <c r="AN24" s="29"/>
      <c r="AO24" s="30"/>
    </row>
    <row r="25" spans="1:41" s="46" customFormat="1" ht="9.75" customHeight="1">
      <c r="A25" s="57"/>
      <c r="B25" s="131"/>
      <c r="C25" s="33"/>
      <c r="D25" s="141"/>
      <c r="E25" s="33"/>
      <c r="F25" s="34"/>
      <c r="G25" s="33"/>
      <c r="H25" s="59"/>
      <c r="I25" s="33"/>
      <c r="J25" s="59"/>
      <c r="K25" s="132"/>
      <c r="L25" s="33"/>
      <c r="M25" s="133"/>
      <c r="N25" s="60"/>
      <c r="O25" s="61"/>
      <c r="P25" s="185" t="s">
        <v>145</v>
      </c>
      <c r="Q25" s="188" t="s">
        <v>146</v>
      </c>
      <c r="R25" s="48"/>
      <c r="S25" s="52"/>
      <c r="T25" s="130"/>
      <c r="U25" s="52"/>
      <c r="V25" s="50"/>
      <c r="W25" s="51"/>
      <c r="X25" s="51"/>
      <c r="Y25" s="51"/>
      <c r="Z25" s="122" t="s">
        <v>3</v>
      </c>
      <c r="AA25" s="55"/>
      <c r="AB25" s="55"/>
      <c r="AC25" s="55"/>
      <c r="AD25" s="56"/>
      <c r="AE25" s="19"/>
      <c r="AF25" s="19"/>
      <c r="AG25" s="19"/>
      <c r="AH25" s="55"/>
      <c r="AI25" s="55"/>
      <c r="AJ25" s="55"/>
      <c r="AK25" s="55"/>
      <c r="AL25" s="56"/>
      <c r="AM25" s="19"/>
      <c r="AN25" s="19"/>
      <c r="AO25" s="26"/>
    </row>
    <row r="26" spans="1:41" s="46" customFormat="1" ht="9.75" customHeight="1">
      <c r="A26" s="57"/>
      <c r="B26" s="131"/>
      <c r="C26" s="33"/>
      <c r="D26" s="141"/>
      <c r="E26" s="33"/>
      <c r="F26" s="34"/>
      <c r="G26" s="33"/>
      <c r="H26" s="59"/>
      <c r="I26" s="33"/>
      <c r="J26" s="59"/>
      <c r="K26" s="132"/>
      <c r="L26" s="33"/>
      <c r="M26" s="133"/>
      <c r="N26" s="60"/>
      <c r="O26" s="61"/>
      <c r="P26" s="186"/>
      <c r="Q26" s="179"/>
      <c r="R26" s="33"/>
      <c r="S26" s="61" t="s">
        <v>270</v>
      </c>
      <c r="T26" s="134" t="s">
        <v>271</v>
      </c>
      <c r="U26" s="61"/>
      <c r="V26" s="59" t="s">
        <v>30</v>
      </c>
      <c r="W26" s="60" t="s">
        <v>30</v>
      </c>
      <c r="X26" s="60" t="s">
        <v>30</v>
      </c>
      <c r="Y26" s="60" t="s">
        <v>272</v>
      </c>
      <c r="Z26" s="135"/>
      <c r="AA26" s="27"/>
      <c r="AB26" s="27"/>
      <c r="AC26" s="27"/>
      <c r="AD26" s="28"/>
      <c r="AE26" s="29"/>
      <c r="AF26" s="29"/>
      <c r="AG26" s="29"/>
      <c r="AH26" s="27"/>
      <c r="AI26" s="27"/>
      <c r="AJ26" s="27"/>
      <c r="AK26" s="27"/>
      <c r="AL26" s="28"/>
      <c r="AM26" s="29"/>
      <c r="AN26" s="29"/>
      <c r="AO26" s="30"/>
    </row>
    <row r="27" spans="1:41" s="46" customFormat="1" ht="9.75" customHeight="1">
      <c r="A27" s="57"/>
      <c r="B27" s="131"/>
      <c r="C27" s="33"/>
      <c r="D27" s="141"/>
      <c r="E27" s="33"/>
      <c r="F27" s="34"/>
      <c r="G27" s="33"/>
      <c r="H27" s="59"/>
      <c r="I27" s="33"/>
      <c r="J27" s="59"/>
      <c r="K27" s="132"/>
      <c r="L27" s="33"/>
      <c r="M27" s="133"/>
      <c r="N27" s="60"/>
      <c r="O27" s="61"/>
      <c r="P27" s="187"/>
      <c r="Q27" s="180"/>
      <c r="R27" s="33"/>
      <c r="S27" s="61"/>
      <c r="T27" s="134"/>
      <c r="U27" s="61"/>
      <c r="V27" s="59"/>
      <c r="W27" s="60"/>
      <c r="X27" s="60"/>
      <c r="Y27" s="60"/>
      <c r="Z27" s="135"/>
      <c r="AA27" s="27"/>
      <c r="AB27" s="27"/>
      <c r="AC27" s="27"/>
      <c r="AD27" s="28"/>
      <c r="AE27" s="29"/>
      <c r="AF27" s="29"/>
      <c r="AG27" s="29"/>
      <c r="AH27" s="27"/>
      <c r="AI27" s="27"/>
      <c r="AJ27" s="27"/>
      <c r="AK27" s="27"/>
      <c r="AL27" s="28"/>
      <c r="AM27" s="29"/>
      <c r="AN27" s="29"/>
      <c r="AO27" s="30"/>
    </row>
    <row r="28" spans="1:41" s="46" customFormat="1" ht="9.75" customHeight="1">
      <c r="A28" s="57"/>
      <c r="B28" s="141"/>
      <c r="C28" s="33"/>
      <c r="D28" s="34"/>
      <c r="E28" s="175" t="s">
        <v>52</v>
      </c>
      <c r="F28" s="188" t="s">
        <v>226</v>
      </c>
      <c r="G28" s="48"/>
      <c r="H28" s="50"/>
      <c r="I28" s="48"/>
      <c r="J28" s="50"/>
      <c r="K28" s="128"/>
      <c r="L28" s="48"/>
      <c r="M28" s="129"/>
      <c r="N28" s="51"/>
      <c r="O28" s="52"/>
      <c r="P28" s="52"/>
      <c r="Q28" s="76"/>
      <c r="R28" s="48"/>
      <c r="S28" s="52"/>
      <c r="T28" s="130"/>
      <c r="U28" s="52"/>
      <c r="V28" s="50"/>
      <c r="W28" s="51"/>
      <c r="X28" s="51"/>
      <c r="Y28" s="51"/>
      <c r="Z28" s="122" t="s">
        <v>3</v>
      </c>
      <c r="AA28" s="55"/>
      <c r="AB28" s="55"/>
      <c r="AC28" s="55"/>
      <c r="AD28" s="56"/>
      <c r="AE28" s="19"/>
      <c r="AF28" s="19"/>
      <c r="AG28" s="19"/>
      <c r="AH28" s="55"/>
      <c r="AI28" s="55"/>
      <c r="AJ28" s="55"/>
      <c r="AK28" s="55"/>
      <c r="AL28" s="56"/>
      <c r="AM28" s="19"/>
      <c r="AN28" s="19"/>
      <c r="AO28" s="26"/>
    </row>
    <row r="29" spans="1:41" s="46" customFormat="1" ht="9.75" customHeight="1">
      <c r="A29" s="57"/>
      <c r="B29" s="141"/>
      <c r="C29" s="33"/>
      <c r="D29" s="141"/>
      <c r="E29" s="176"/>
      <c r="F29" s="179"/>
      <c r="G29" s="33"/>
      <c r="H29" s="59" t="s">
        <v>273</v>
      </c>
      <c r="I29" s="33"/>
      <c r="J29" s="59" t="s">
        <v>274</v>
      </c>
      <c r="K29" s="132" t="s">
        <v>30</v>
      </c>
      <c r="L29" s="33"/>
      <c r="M29" s="133" t="s">
        <v>30</v>
      </c>
      <c r="N29" s="60" t="s">
        <v>275</v>
      </c>
      <c r="O29" s="61"/>
      <c r="P29" s="61"/>
      <c r="Q29" s="58"/>
      <c r="R29" s="33"/>
      <c r="S29" s="61"/>
      <c r="T29" s="134" t="s">
        <v>276</v>
      </c>
      <c r="U29" s="61"/>
      <c r="V29" s="59" t="s">
        <v>30</v>
      </c>
      <c r="W29" s="60" t="s">
        <v>30</v>
      </c>
      <c r="X29" s="60" t="s">
        <v>30</v>
      </c>
      <c r="Y29" s="60" t="s">
        <v>277</v>
      </c>
      <c r="Z29" s="135"/>
      <c r="AA29" s="27"/>
      <c r="AB29" s="27"/>
      <c r="AC29" s="27"/>
      <c r="AD29" s="28"/>
      <c r="AE29" s="29"/>
      <c r="AF29" s="29"/>
      <c r="AG29" s="29"/>
      <c r="AH29" s="27"/>
      <c r="AI29" s="27"/>
      <c r="AJ29" s="27"/>
      <c r="AK29" s="27"/>
      <c r="AL29" s="28"/>
      <c r="AM29" s="29"/>
      <c r="AN29" s="29"/>
      <c r="AO29" s="30"/>
    </row>
    <row r="30" spans="1:41" s="46" customFormat="1" ht="9.75" customHeight="1">
      <c r="A30" s="57"/>
      <c r="B30" s="141"/>
      <c r="C30" s="33"/>
      <c r="D30" s="141"/>
      <c r="E30" s="176"/>
      <c r="F30" s="179"/>
      <c r="G30" s="33"/>
      <c r="H30" s="59"/>
      <c r="I30" s="33"/>
      <c r="J30" s="59"/>
      <c r="K30" s="132"/>
      <c r="L30" s="33"/>
      <c r="M30" s="133"/>
      <c r="N30" s="60"/>
      <c r="O30" s="61"/>
      <c r="P30" s="61"/>
      <c r="Q30" s="58"/>
      <c r="R30" s="33"/>
      <c r="S30" s="61"/>
      <c r="T30" s="134"/>
      <c r="U30" s="61"/>
      <c r="V30" s="59"/>
      <c r="W30" s="60"/>
      <c r="X30" s="60"/>
      <c r="Y30" s="60"/>
      <c r="Z30" s="135"/>
      <c r="AA30" s="27"/>
      <c r="AB30" s="27"/>
      <c r="AC30" s="27"/>
      <c r="AD30" s="28"/>
      <c r="AE30" s="29"/>
      <c r="AF30" s="29"/>
      <c r="AG30" s="29"/>
      <c r="AH30" s="27"/>
      <c r="AI30" s="27"/>
      <c r="AJ30" s="27"/>
      <c r="AK30" s="27"/>
      <c r="AL30" s="28"/>
      <c r="AM30" s="29"/>
      <c r="AN30" s="29"/>
      <c r="AO30" s="30"/>
    </row>
    <row r="31" spans="1:41" s="46" customFormat="1" ht="9.75" customHeight="1">
      <c r="A31" s="57"/>
      <c r="B31" s="131"/>
      <c r="C31" s="33"/>
      <c r="D31" s="141"/>
      <c r="E31" s="33"/>
      <c r="F31" s="34"/>
      <c r="G31" s="33"/>
      <c r="H31" s="59"/>
      <c r="I31" s="33"/>
      <c r="J31" s="59"/>
      <c r="K31" s="132"/>
      <c r="L31" s="33"/>
      <c r="M31" s="133"/>
      <c r="N31" s="60"/>
      <c r="O31" s="61"/>
      <c r="P31" s="185" t="s">
        <v>124</v>
      </c>
      <c r="Q31" s="178" t="s">
        <v>125</v>
      </c>
      <c r="R31" s="48"/>
      <c r="S31" s="52"/>
      <c r="T31" s="130"/>
      <c r="U31" s="52"/>
      <c r="V31" s="50"/>
      <c r="W31" s="51"/>
      <c r="X31" s="51"/>
      <c r="Y31" s="51"/>
      <c r="Z31" s="122" t="s">
        <v>3</v>
      </c>
      <c r="AA31" s="55"/>
      <c r="AB31" s="55"/>
      <c r="AC31" s="55"/>
      <c r="AD31" s="56"/>
      <c r="AE31" s="19"/>
      <c r="AF31" s="19"/>
      <c r="AG31" s="19"/>
      <c r="AH31" s="55"/>
      <c r="AI31" s="55"/>
      <c r="AJ31" s="55"/>
      <c r="AK31" s="55"/>
      <c r="AL31" s="56"/>
      <c r="AM31" s="19"/>
      <c r="AN31" s="19"/>
      <c r="AO31" s="26"/>
    </row>
    <row r="32" spans="1:41" s="46" customFormat="1" ht="9.75" customHeight="1">
      <c r="A32" s="57"/>
      <c r="B32" s="131"/>
      <c r="C32" s="33"/>
      <c r="D32" s="141"/>
      <c r="E32" s="33"/>
      <c r="F32" s="34"/>
      <c r="G32" s="33"/>
      <c r="H32" s="59"/>
      <c r="I32" s="33"/>
      <c r="J32" s="59"/>
      <c r="K32" s="132"/>
      <c r="L32" s="33"/>
      <c r="M32" s="133"/>
      <c r="N32" s="60"/>
      <c r="O32" s="61"/>
      <c r="P32" s="186"/>
      <c r="Q32" s="179"/>
      <c r="R32" s="33"/>
      <c r="S32" s="61" t="s">
        <v>275</v>
      </c>
      <c r="T32" s="134" t="s">
        <v>276</v>
      </c>
      <c r="U32" s="61"/>
      <c r="V32" s="59" t="s">
        <v>30</v>
      </c>
      <c r="W32" s="60" t="s">
        <v>30</v>
      </c>
      <c r="X32" s="60" t="s">
        <v>30</v>
      </c>
      <c r="Y32" s="60" t="s">
        <v>277</v>
      </c>
      <c r="Z32" s="135"/>
      <c r="AA32" s="27"/>
      <c r="AB32" s="27"/>
      <c r="AC32" s="27"/>
      <c r="AD32" s="28"/>
      <c r="AE32" s="29"/>
      <c r="AF32" s="29"/>
      <c r="AG32" s="29"/>
      <c r="AH32" s="27"/>
      <c r="AI32" s="27"/>
      <c r="AJ32" s="27"/>
      <c r="AK32" s="27"/>
      <c r="AL32" s="28"/>
      <c r="AM32" s="29"/>
      <c r="AN32" s="29"/>
      <c r="AO32" s="30"/>
    </row>
    <row r="33" spans="1:41" s="46" customFormat="1" ht="9.75" customHeight="1">
      <c r="A33" s="57"/>
      <c r="B33" s="131"/>
      <c r="C33" s="33"/>
      <c r="D33" s="141"/>
      <c r="E33" s="33"/>
      <c r="F33" s="34"/>
      <c r="G33" s="33"/>
      <c r="H33" s="59"/>
      <c r="I33" s="33"/>
      <c r="J33" s="59"/>
      <c r="K33" s="132"/>
      <c r="L33" s="33"/>
      <c r="M33" s="133"/>
      <c r="N33" s="60"/>
      <c r="O33" s="61"/>
      <c r="P33" s="187"/>
      <c r="Q33" s="180"/>
      <c r="R33" s="33"/>
      <c r="S33" s="61"/>
      <c r="T33" s="134"/>
      <c r="U33" s="61"/>
      <c r="V33" s="59"/>
      <c r="W33" s="60"/>
      <c r="X33" s="60"/>
      <c r="Y33" s="60"/>
      <c r="Z33" s="135"/>
      <c r="AA33" s="27"/>
      <c r="AB33" s="27"/>
      <c r="AC33" s="27"/>
      <c r="AD33" s="28"/>
      <c r="AE33" s="29"/>
      <c r="AF33" s="29"/>
      <c r="AG33" s="29"/>
      <c r="AH33" s="27"/>
      <c r="AI33" s="27"/>
      <c r="AJ33" s="27"/>
      <c r="AK33" s="27"/>
      <c r="AL33" s="28"/>
      <c r="AM33" s="29"/>
      <c r="AN33" s="29"/>
      <c r="AO33" s="30"/>
    </row>
    <row r="34" spans="1:41" s="46" customFormat="1" ht="9.75" customHeight="1">
      <c r="A34" s="80"/>
      <c r="B34" s="142"/>
      <c r="C34" s="52"/>
      <c r="D34" s="142"/>
      <c r="E34" s="52"/>
      <c r="F34" s="76"/>
      <c r="G34" s="82"/>
      <c r="H34" s="83"/>
      <c r="I34" s="82"/>
      <c r="J34" s="83"/>
      <c r="K34" s="143"/>
      <c r="L34" s="82"/>
      <c r="M34" s="144"/>
      <c r="N34" s="84"/>
      <c r="O34" s="85"/>
      <c r="P34" s="85"/>
      <c r="Q34" s="86"/>
      <c r="R34" s="82"/>
      <c r="S34" s="85"/>
      <c r="T34" s="145"/>
      <c r="U34" s="85"/>
      <c r="V34" s="83"/>
      <c r="W34" s="84"/>
      <c r="X34" s="84"/>
      <c r="Y34" s="84"/>
      <c r="Z34" s="146" t="s">
        <v>3</v>
      </c>
      <c r="AA34" s="89"/>
      <c r="AB34" s="89"/>
      <c r="AC34" s="89"/>
      <c r="AD34" s="90"/>
      <c r="AE34" s="91"/>
      <c r="AF34" s="91"/>
      <c r="AG34" s="91"/>
      <c r="AH34" s="89"/>
      <c r="AI34" s="89"/>
      <c r="AJ34" s="89"/>
      <c r="AK34" s="89"/>
      <c r="AL34" s="90"/>
      <c r="AM34" s="91"/>
      <c r="AN34" s="91"/>
      <c r="AO34" s="92"/>
    </row>
    <row r="35" spans="1:41" s="46" customFormat="1" ht="9.75" customHeight="1">
      <c r="A35" s="181" t="s">
        <v>129</v>
      </c>
      <c r="B35" s="182"/>
      <c r="C35" s="183"/>
      <c r="D35" s="183"/>
      <c r="E35" s="183"/>
      <c r="F35" s="184"/>
      <c r="G35" s="230" t="s">
        <v>231</v>
      </c>
      <c r="H35" s="231"/>
      <c r="I35" s="35"/>
      <c r="J35" s="36" t="s">
        <v>232</v>
      </c>
      <c r="K35" s="37" t="s">
        <v>30</v>
      </c>
      <c r="L35" s="35"/>
      <c r="M35" s="36" t="s">
        <v>30</v>
      </c>
      <c r="N35" s="124" t="s">
        <v>233</v>
      </c>
      <c r="O35" s="147"/>
      <c r="P35" s="38"/>
      <c r="Q35" s="39"/>
      <c r="R35" s="35"/>
      <c r="S35" s="38"/>
      <c r="T35" s="148" t="s">
        <v>234</v>
      </c>
      <c r="U35" s="38"/>
      <c r="V35" s="36" t="s">
        <v>30</v>
      </c>
      <c r="W35" s="37" t="s">
        <v>30</v>
      </c>
      <c r="X35" s="36" t="s">
        <v>30</v>
      </c>
      <c r="Y35" s="37" t="s">
        <v>260</v>
      </c>
      <c r="Z35" s="149"/>
      <c r="AA35" s="43"/>
      <c r="AB35" s="43"/>
      <c r="AC35" s="43"/>
      <c r="AD35" s="43"/>
      <c r="AE35" s="44"/>
      <c r="AF35" s="44"/>
      <c r="AG35" s="44"/>
      <c r="AH35" s="42"/>
      <c r="AI35" s="42"/>
      <c r="AJ35" s="42"/>
      <c r="AK35" s="42"/>
      <c r="AL35" s="43"/>
      <c r="AM35" s="43"/>
      <c r="AN35" s="43"/>
      <c r="AO35" s="45"/>
    </row>
    <row r="36" spans="1:41" s="46" customFormat="1" ht="9.75" customHeight="1">
      <c r="A36" s="93"/>
      <c r="B36" s="150"/>
      <c r="C36" s="98"/>
      <c r="D36" s="150"/>
      <c r="E36" s="98"/>
      <c r="F36" s="99"/>
      <c r="G36" s="95"/>
      <c r="H36" s="96"/>
      <c r="I36" s="95"/>
      <c r="J36" s="96"/>
      <c r="K36" s="151"/>
      <c r="L36" s="95"/>
      <c r="M36" s="152"/>
      <c r="N36" s="97"/>
      <c r="O36" s="98"/>
      <c r="P36" s="98"/>
      <c r="Q36" s="99"/>
      <c r="R36" s="95"/>
      <c r="S36" s="98"/>
      <c r="T36" s="153"/>
      <c r="U36" s="98"/>
      <c r="V36" s="96"/>
      <c r="W36" s="97"/>
      <c r="X36" s="97"/>
      <c r="Y36" s="97"/>
      <c r="Z36" s="154"/>
      <c r="AA36" s="102"/>
      <c r="AB36" s="102"/>
      <c r="AC36" s="102"/>
      <c r="AD36" s="103"/>
      <c r="AE36" s="104"/>
      <c r="AF36" s="104"/>
      <c r="AG36" s="104"/>
      <c r="AH36" s="102"/>
      <c r="AI36" s="102"/>
      <c r="AJ36" s="102"/>
      <c r="AK36" s="102"/>
      <c r="AL36" s="103"/>
      <c r="AM36" s="104"/>
      <c r="AN36" s="104"/>
      <c r="AO36" s="155"/>
    </row>
    <row r="37" spans="1:41" ht="9.75" customHeight="1">
      <c r="A37" s="105"/>
      <c r="B37" s="106"/>
      <c r="C37" s="106"/>
      <c r="D37" s="106"/>
      <c r="E37" s="106"/>
      <c r="F37" s="106"/>
      <c r="G37" s="106"/>
      <c r="H37" s="106"/>
      <c r="I37" s="106"/>
      <c r="J37" s="106"/>
      <c r="K37" s="106"/>
      <c r="L37" s="106"/>
      <c r="M37" s="106"/>
      <c r="N37" s="106"/>
      <c r="O37" s="106"/>
      <c r="P37" s="106"/>
      <c r="Q37" s="106"/>
      <c r="R37" s="106"/>
      <c r="S37" s="106"/>
      <c r="T37" s="106"/>
      <c r="U37" s="106"/>
      <c r="V37" s="106"/>
      <c r="W37" s="106"/>
      <c r="X37" s="106"/>
      <c r="Y37" s="106"/>
      <c r="Z37" s="107"/>
      <c r="AA37" s="107"/>
      <c r="AB37" s="107"/>
      <c r="AC37" s="107"/>
      <c r="AD37" s="107"/>
      <c r="AE37" s="107"/>
      <c r="AF37" s="107"/>
      <c r="AG37" s="107"/>
      <c r="AH37" s="107"/>
      <c r="AI37" s="107"/>
      <c r="AJ37" s="107"/>
      <c r="AK37" s="107"/>
      <c r="AL37" s="107"/>
      <c r="AM37" s="107"/>
      <c r="AN37" s="107"/>
      <c r="AO37" s="108"/>
    </row>
    <row r="38" spans="1:41" ht="9.75" customHeight="1">
      <c r="A38" s="109"/>
      <c r="B38" s="110"/>
      <c r="C38" s="110"/>
      <c r="D38" s="110"/>
      <c r="E38" s="110"/>
      <c r="F38" s="110"/>
      <c r="G38" s="110"/>
      <c r="H38" s="110"/>
      <c r="I38" s="110"/>
      <c r="J38" s="110"/>
      <c r="K38" s="110"/>
      <c r="L38" s="110"/>
      <c r="M38" s="110"/>
      <c r="N38" s="110"/>
      <c r="O38" s="110"/>
      <c r="P38" s="110"/>
      <c r="Q38" s="110"/>
      <c r="R38" s="110"/>
      <c r="S38" s="110"/>
      <c r="T38" s="110"/>
      <c r="U38" s="110"/>
      <c r="V38" s="110"/>
      <c r="W38" s="110"/>
      <c r="X38" s="110"/>
      <c r="Y38" s="110"/>
      <c r="Z38" s="110"/>
      <c r="AA38" s="110"/>
      <c r="AB38" s="110"/>
      <c r="AC38" s="110"/>
      <c r="AD38" s="110"/>
      <c r="AE38" s="110"/>
      <c r="AF38" s="110"/>
      <c r="AG38" s="110"/>
      <c r="AH38" s="110"/>
      <c r="AI38" s="110"/>
      <c r="AJ38" s="110"/>
      <c r="AK38" s="110"/>
      <c r="AL38" s="110"/>
      <c r="AM38" s="110"/>
      <c r="AN38" s="110"/>
      <c r="AO38" s="111"/>
    </row>
    <row r="39" spans="1:41" ht="9.75" customHeight="1">
      <c r="A39" s="109"/>
      <c r="B39" s="110"/>
      <c r="C39" s="110"/>
      <c r="D39" s="110"/>
      <c r="E39" s="110"/>
      <c r="F39" s="110"/>
      <c r="G39" s="110"/>
      <c r="H39" s="110"/>
      <c r="I39" s="110"/>
      <c r="J39" s="110"/>
      <c r="K39" s="110"/>
      <c r="L39" s="110"/>
      <c r="M39" s="110"/>
      <c r="N39" s="110"/>
      <c r="O39" s="110"/>
      <c r="P39" s="110"/>
      <c r="Q39" s="110"/>
      <c r="R39" s="110"/>
      <c r="S39" s="110"/>
      <c r="T39" s="110"/>
      <c r="U39" s="110"/>
      <c r="V39" s="110"/>
      <c r="W39" s="110"/>
      <c r="X39" s="110"/>
      <c r="Y39" s="110"/>
      <c r="Z39" s="110"/>
      <c r="AA39" s="110"/>
      <c r="AB39" s="110"/>
      <c r="AC39" s="110"/>
      <c r="AD39" s="110"/>
      <c r="AE39" s="110"/>
      <c r="AF39" s="110"/>
      <c r="AG39" s="110"/>
      <c r="AH39" s="110"/>
      <c r="AI39" s="110"/>
      <c r="AJ39" s="110"/>
      <c r="AK39" s="110"/>
      <c r="AL39" s="110"/>
      <c r="AM39" s="110"/>
      <c r="AN39" s="110"/>
      <c r="AO39" s="111"/>
    </row>
    <row r="40" spans="1:41" ht="9.75" customHeight="1">
      <c r="A40" s="109"/>
      <c r="B40" s="110"/>
      <c r="C40" s="110"/>
      <c r="D40" s="110"/>
      <c r="E40" s="110"/>
      <c r="F40" s="110"/>
      <c r="G40" s="110"/>
      <c r="H40" s="110"/>
      <c r="I40" s="110"/>
      <c r="J40" s="110"/>
      <c r="K40" s="110"/>
      <c r="L40" s="110"/>
      <c r="M40" s="110"/>
      <c r="N40" s="110"/>
      <c r="O40" s="110"/>
      <c r="P40" s="110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0"/>
      <c r="AJ40" s="110"/>
      <c r="AK40" s="110"/>
      <c r="AL40" s="110"/>
      <c r="AM40" s="110"/>
      <c r="AN40" s="110"/>
      <c r="AO40" s="111"/>
    </row>
    <row r="41" spans="1:41" ht="9.75" customHeight="1">
      <c r="A41" s="109"/>
      <c r="B41" s="110"/>
      <c r="C41" s="110"/>
      <c r="D41" s="110"/>
      <c r="E41" s="110"/>
      <c r="F41" s="110"/>
      <c r="G41" s="110"/>
      <c r="H41" s="110"/>
      <c r="I41" s="110"/>
      <c r="J41" s="110"/>
      <c r="K41" s="110"/>
      <c r="L41" s="110"/>
      <c r="M41" s="110"/>
      <c r="N41" s="110"/>
      <c r="O41" s="110"/>
      <c r="P41" s="110"/>
      <c r="Q41" s="110"/>
      <c r="R41" s="110"/>
      <c r="S41" s="110"/>
      <c r="T41" s="110"/>
      <c r="U41" s="110"/>
      <c r="V41" s="110"/>
      <c r="W41" s="110"/>
      <c r="X41" s="110"/>
      <c r="Y41" s="110"/>
      <c r="Z41" s="110"/>
      <c r="AA41" s="110"/>
      <c r="AB41" s="110"/>
      <c r="AC41" s="110"/>
      <c r="AD41" s="110"/>
      <c r="AE41" s="110"/>
      <c r="AF41" s="110"/>
      <c r="AG41" s="110"/>
      <c r="AH41" s="110"/>
      <c r="AI41" s="110"/>
      <c r="AJ41" s="110"/>
      <c r="AK41" s="110"/>
      <c r="AL41" s="110"/>
      <c r="AM41" s="110"/>
      <c r="AN41" s="110"/>
      <c r="AO41" s="111"/>
    </row>
    <row r="42" spans="1:41" ht="9.75" customHeight="1">
      <c r="A42" s="109"/>
      <c r="B42" s="110"/>
      <c r="C42" s="110"/>
      <c r="D42" s="110"/>
      <c r="E42" s="110"/>
      <c r="F42" s="110"/>
      <c r="G42" s="110"/>
      <c r="H42" s="110"/>
      <c r="I42" s="110"/>
      <c r="J42" s="110"/>
      <c r="K42" s="110"/>
      <c r="L42" s="110"/>
      <c r="M42" s="110"/>
      <c r="N42" s="110"/>
      <c r="O42" s="110"/>
      <c r="P42" s="110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1"/>
    </row>
    <row r="43" spans="1:41" ht="9.75" customHeight="1">
      <c r="A43" s="109"/>
      <c r="B43" s="110"/>
      <c r="C43" s="110"/>
      <c r="D43" s="110"/>
      <c r="E43" s="110"/>
      <c r="F43" s="110"/>
      <c r="G43" s="110"/>
      <c r="H43" s="110"/>
      <c r="I43" s="110"/>
      <c r="J43" s="110"/>
      <c r="K43" s="110"/>
      <c r="L43" s="110"/>
      <c r="M43" s="110"/>
      <c r="N43" s="110"/>
      <c r="O43" s="110"/>
      <c r="P43" s="110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1"/>
    </row>
    <row r="44" spans="1:41" ht="9.75" customHeight="1">
      <c r="A44" s="109"/>
      <c r="B44" s="110"/>
      <c r="C44" s="110"/>
      <c r="D44" s="110"/>
      <c r="E44" s="110"/>
      <c r="F44" s="110"/>
      <c r="G44" s="110"/>
      <c r="H44" s="110"/>
      <c r="I44" s="110"/>
      <c r="J44" s="110"/>
      <c r="K44" s="110"/>
      <c r="L44" s="110"/>
      <c r="M44" s="110"/>
      <c r="N44" s="110"/>
      <c r="O44" s="110"/>
      <c r="P44" s="110"/>
      <c r="Q44" s="110"/>
      <c r="R44" s="110"/>
      <c r="S44" s="110"/>
      <c r="T44" s="110"/>
      <c r="U44" s="110"/>
      <c r="V44" s="110"/>
      <c r="W44" s="110"/>
      <c r="X44" s="110"/>
      <c r="Y44" s="110"/>
      <c r="Z44" s="110"/>
      <c r="AA44" s="110"/>
      <c r="AB44" s="110"/>
      <c r="AC44" s="110"/>
      <c r="AD44" s="110"/>
      <c r="AE44" s="110"/>
      <c r="AF44" s="110"/>
      <c r="AG44" s="110"/>
      <c r="AH44" s="110"/>
      <c r="AI44" s="110"/>
      <c r="AJ44" s="110"/>
      <c r="AK44" s="110"/>
      <c r="AL44" s="110"/>
      <c r="AM44" s="110"/>
      <c r="AN44" s="110"/>
      <c r="AO44" s="111"/>
    </row>
    <row r="45" spans="1:41" ht="9.75" customHeight="1">
      <c r="A45" s="109"/>
      <c r="B45" s="110"/>
      <c r="C45" s="110"/>
      <c r="D45" s="110"/>
      <c r="E45" s="110"/>
      <c r="F45" s="110"/>
      <c r="G45" s="110"/>
      <c r="H45" s="110"/>
      <c r="I45" s="110"/>
      <c r="J45" s="110"/>
      <c r="K45" s="110"/>
      <c r="L45" s="110"/>
      <c r="M45" s="110"/>
      <c r="N45" s="110"/>
      <c r="O45" s="110"/>
      <c r="P45" s="110"/>
      <c r="Q45" s="110"/>
      <c r="R45" s="110"/>
      <c r="S45" s="110"/>
      <c r="T45" s="110"/>
      <c r="U45" s="110"/>
      <c r="V45" s="110"/>
      <c r="W45" s="110"/>
      <c r="X45" s="110"/>
      <c r="Y45" s="110"/>
      <c r="Z45" s="110"/>
      <c r="AA45" s="110"/>
      <c r="AB45" s="110"/>
      <c r="AC45" s="110"/>
      <c r="AD45" s="110"/>
      <c r="AE45" s="110"/>
      <c r="AF45" s="110"/>
      <c r="AG45" s="110"/>
      <c r="AH45" s="110"/>
      <c r="AI45" s="110"/>
      <c r="AJ45" s="110"/>
      <c r="AK45" s="110"/>
      <c r="AL45" s="110"/>
      <c r="AM45" s="110"/>
      <c r="AN45" s="110"/>
      <c r="AO45" s="111"/>
    </row>
    <row r="46" spans="1:41" ht="9.75" customHeight="1">
      <c r="A46" s="109"/>
      <c r="B46" s="110"/>
      <c r="C46" s="110"/>
      <c r="D46" s="110"/>
      <c r="E46" s="110"/>
      <c r="F46" s="110"/>
      <c r="G46" s="110"/>
      <c r="H46" s="110"/>
      <c r="I46" s="110"/>
      <c r="J46" s="110"/>
      <c r="K46" s="110"/>
      <c r="L46" s="110"/>
      <c r="M46" s="110"/>
      <c r="N46" s="110"/>
      <c r="O46" s="110"/>
      <c r="P46" s="110"/>
      <c r="Q46" s="110"/>
      <c r="R46" s="110"/>
      <c r="S46" s="110"/>
      <c r="T46" s="110"/>
      <c r="U46" s="110"/>
      <c r="V46" s="110"/>
      <c r="W46" s="110"/>
      <c r="X46" s="110"/>
      <c r="Y46" s="110"/>
      <c r="Z46" s="110"/>
      <c r="AA46" s="110"/>
      <c r="AB46" s="110"/>
      <c r="AC46" s="110"/>
      <c r="AD46" s="110"/>
      <c r="AE46" s="110"/>
      <c r="AF46" s="110"/>
      <c r="AG46" s="110"/>
      <c r="AH46" s="110"/>
      <c r="AI46" s="110"/>
      <c r="AJ46" s="110"/>
      <c r="AK46" s="110"/>
      <c r="AL46" s="110"/>
      <c r="AM46" s="110"/>
      <c r="AN46" s="110"/>
      <c r="AO46" s="111"/>
    </row>
    <row r="47" spans="1:41" ht="9.75" customHeight="1">
      <c r="A47" s="109"/>
      <c r="B47" s="110"/>
      <c r="C47" s="110"/>
      <c r="D47" s="110"/>
      <c r="E47" s="110"/>
      <c r="F47" s="110"/>
      <c r="G47" s="110"/>
      <c r="H47" s="110"/>
      <c r="I47" s="110"/>
      <c r="J47" s="110"/>
      <c r="K47" s="110"/>
      <c r="L47" s="110"/>
      <c r="M47" s="110"/>
      <c r="N47" s="110"/>
      <c r="O47" s="110"/>
      <c r="P47" s="110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0"/>
      <c r="AN47" s="110"/>
      <c r="AO47" s="111"/>
    </row>
    <row r="48" spans="1:41" ht="9.75" customHeight="1">
      <c r="A48" s="109"/>
      <c r="B48" s="110"/>
      <c r="C48" s="110"/>
      <c r="D48" s="110"/>
      <c r="E48" s="110"/>
      <c r="F48" s="110"/>
      <c r="G48" s="110"/>
      <c r="H48" s="110"/>
      <c r="I48" s="110"/>
      <c r="J48" s="110"/>
      <c r="K48" s="110"/>
      <c r="L48" s="110"/>
      <c r="M48" s="110"/>
      <c r="N48" s="110"/>
      <c r="O48" s="110"/>
      <c r="P48" s="110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0"/>
      <c r="AN48" s="110"/>
      <c r="AO48" s="111"/>
    </row>
    <row r="49" spans="1:41" ht="9.75" customHeight="1">
      <c r="A49" s="109"/>
      <c r="B49" s="110"/>
      <c r="C49" s="110"/>
      <c r="D49" s="110"/>
      <c r="E49" s="110"/>
      <c r="F49" s="110"/>
      <c r="G49" s="110"/>
      <c r="H49" s="110"/>
      <c r="I49" s="110"/>
      <c r="J49" s="110"/>
      <c r="K49" s="110"/>
      <c r="L49" s="110"/>
      <c r="M49" s="110"/>
      <c r="N49" s="110"/>
      <c r="O49" s="110"/>
      <c r="P49" s="110"/>
      <c r="Q49" s="110"/>
      <c r="R49" s="110"/>
      <c r="S49" s="110"/>
      <c r="T49" s="110"/>
      <c r="U49" s="110"/>
      <c r="V49" s="110"/>
      <c r="W49" s="110"/>
      <c r="X49" s="110"/>
      <c r="Y49" s="110"/>
      <c r="Z49" s="110"/>
      <c r="AA49" s="110"/>
      <c r="AB49" s="110"/>
      <c r="AC49" s="110"/>
      <c r="AD49" s="110"/>
      <c r="AE49" s="110"/>
      <c r="AF49" s="110"/>
      <c r="AG49" s="110"/>
      <c r="AH49" s="110"/>
      <c r="AI49" s="110"/>
      <c r="AJ49" s="110"/>
      <c r="AK49" s="110"/>
      <c r="AL49" s="110"/>
      <c r="AM49" s="110"/>
      <c r="AN49" s="110"/>
      <c r="AO49" s="111"/>
    </row>
    <row r="50" spans="1:41" ht="9.75" customHeight="1">
      <c r="A50" s="109"/>
      <c r="B50" s="110"/>
      <c r="C50" s="110"/>
      <c r="D50" s="110"/>
      <c r="E50" s="110"/>
      <c r="F50" s="110"/>
      <c r="G50" s="110"/>
      <c r="H50" s="110"/>
      <c r="I50" s="110"/>
      <c r="J50" s="110"/>
      <c r="K50" s="110"/>
      <c r="L50" s="110"/>
      <c r="M50" s="110"/>
      <c r="N50" s="110"/>
      <c r="O50" s="110"/>
      <c r="P50" s="110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1"/>
    </row>
    <row r="51" spans="1:41" ht="9.75" customHeight="1">
      <c r="A51" s="109"/>
      <c r="B51" s="110"/>
      <c r="C51" s="110"/>
      <c r="D51" s="110"/>
      <c r="E51" s="110"/>
      <c r="F51" s="110"/>
      <c r="G51" s="110"/>
      <c r="H51" s="110"/>
      <c r="I51" s="110"/>
      <c r="J51" s="110"/>
      <c r="K51" s="110"/>
      <c r="L51" s="110"/>
      <c r="M51" s="110"/>
      <c r="N51" s="110"/>
      <c r="O51" s="110"/>
      <c r="P51" s="110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1"/>
    </row>
    <row r="52" spans="1:41" ht="9.75" customHeight="1">
      <c r="A52" s="109"/>
      <c r="B52" s="110"/>
      <c r="C52" s="110"/>
      <c r="D52" s="110"/>
      <c r="E52" s="110"/>
      <c r="F52" s="110"/>
      <c r="G52" s="110"/>
      <c r="H52" s="110"/>
      <c r="I52" s="110"/>
      <c r="J52" s="110"/>
      <c r="K52" s="110"/>
      <c r="L52" s="110"/>
      <c r="M52" s="110"/>
      <c r="N52" s="110"/>
      <c r="O52" s="110"/>
      <c r="P52" s="110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0"/>
      <c r="AN52" s="110"/>
      <c r="AO52" s="111"/>
    </row>
    <row r="53" spans="1:41" ht="9.75" customHeight="1">
      <c r="A53" s="109"/>
      <c r="B53" s="110"/>
      <c r="C53" s="110"/>
      <c r="D53" s="110"/>
      <c r="E53" s="110"/>
      <c r="F53" s="110"/>
      <c r="G53" s="110"/>
      <c r="H53" s="110"/>
      <c r="I53" s="110"/>
      <c r="J53" s="110"/>
      <c r="K53" s="110"/>
      <c r="L53" s="110"/>
      <c r="M53" s="110"/>
      <c r="N53" s="110"/>
      <c r="O53" s="110"/>
      <c r="P53" s="110"/>
      <c r="Q53" s="110"/>
      <c r="R53" s="110"/>
      <c r="S53" s="110"/>
      <c r="T53" s="110"/>
      <c r="U53" s="110"/>
      <c r="V53" s="110"/>
      <c r="W53" s="110"/>
      <c r="X53" s="110"/>
      <c r="Y53" s="110"/>
      <c r="Z53" s="110"/>
      <c r="AA53" s="110"/>
      <c r="AB53" s="110"/>
      <c r="AC53" s="110"/>
      <c r="AD53" s="110"/>
      <c r="AE53" s="110"/>
      <c r="AF53" s="110"/>
      <c r="AG53" s="110"/>
      <c r="AH53" s="110"/>
      <c r="AI53" s="110"/>
      <c r="AJ53" s="110"/>
      <c r="AK53" s="110"/>
      <c r="AL53" s="110"/>
      <c r="AM53" s="110"/>
      <c r="AN53" s="110"/>
      <c r="AO53" s="111"/>
    </row>
    <row r="54" spans="1:41" ht="9.75" customHeight="1">
      <c r="A54" s="109"/>
      <c r="B54" s="110"/>
      <c r="C54" s="110"/>
      <c r="D54" s="110"/>
      <c r="E54" s="110"/>
      <c r="F54" s="110"/>
      <c r="G54" s="110"/>
      <c r="H54" s="110"/>
      <c r="I54" s="110"/>
      <c r="J54" s="110"/>
      <c r="K54" s="110"/>
      <c r="L54" s="110"/>
      <c r="M54" s="110"/>
      <c r="N54" s="110"/>
      <c r="O54" s="110"/>
      <c r="P54" s="110"/>
      <c r="Q54" s="110"/>
      <c r="R54" s="110"/>
      <c r="S54" s="110"/>
      <c r="T54" s="110"/>
      <c r="U54" s="110"/>
      <c r="V54" s="110"/>
      <c r="W54" s="110"/>
      <c r="X54" s="110"/>
      <c r="Y54" s="110"/>
      <c r="Z54" s="110"/>
      <c r="AA54" s="110"/>
      <c r="AB54" s="110"/>
      <c r="AC54" s="110"/>
      <c r="AD54" s="110"/>
      <c r="AE54" s="110"/>
      <c r="AF54" s="110"/>
      <c r="AG54" s="110"/>
      <c r="AH54" s="110"/>
      <c r="AI54" s="110"/>
      <c r="AJ54" s="110"/>
      <c r="AK54" s="110"/>
      <c r="AL54" s="110"/>
      <c r="AM54" s="110"/>
      <c r="AN54" s="110"/>
      <c r="AO54" s="111"/>
    </row>
    <row r="55" spans="1:41" ht="9.75" customHeight="1">
      <c r="A55" s="109"/>
      <c r="B55" s="110"/>
      <c r="C55" s="110"/>
      <c r="D55" s="110"/>
      <c r="E55" s="110"/>
      <c r="F55" s="110"/>
      <c r="G55" s="110"/>
      <c r="H55" s="110"/>
      <c r="I55" s="110"/>
      <c r="J55" s="110"/>
      <c r="K55" s="110"/>
      <c r="L55" s="110"/>
      <c r="M55" s="110"/>
      <c r="N55" s="110"/>
      <c r="O55" s="110"/>
      <c r="P55" s="110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0"/>
      <c r="AN55" s="110"/>
      <c r="AO55" s="111"/>
    </row>
    <row r="56" spans="1:41" ht="9.75" customHeight="1">
      <c r="A56" s="109"/>
      <c r="B56" s="110"/>
      <c r="C56" s="110"/>
      <c r="D56" s="110"/>
      <c r="E56" s="110"/>
      <c r="F56" s="110"/>
      <c r="G56" s="110"/>
      <c r="H56" s="110"/>
      <c r="I56" s="110"/>
      <c r="J56" s="110"/>
      <c r="K56" s="110"/>
      <c r="L56" s="110"/>
      <c r="M56" s="110"/>
      <c r="N56" s="110"/>
      <c r="O56" s="110"/>
      <c r="P56" s="110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0"/>
      <c r="AN56" s="110"/>
      <c r="AO56" s="111"/>
    </row>
    <row r="57" spans="1:41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0"/>
      <c r="AN57" s="110"/>
      <c r="AO57" s="111"/>
    </row>
    <row r="58" spans="1:41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0"/>
      <c r="AN58" s="110"/>
      <c r="AO58" s="111"/>
    </row>
    <row r="59" spans="1:41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1"/>
    </row>
    <row r="60" spans="1:41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0"/>
      <c r="AN60" s="110"/>
      <c r="AO60" s="111"/>
    </row>
    <row r="61" spans="1:41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0"/>
      <c r="AN61" s="110"/>
      <c r="AO61" s="111"/>
    </row>
    <row r="62" spans="1:41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0"/>
      <c r="AN62" s="110"/>
      <c r="AO62" s="111"/>
    </row>
    <row r="63" spans="1:41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0"/>
      <c r="AN63" s="110"/>
      <c r="AO63" s="111"/>
    </row>
    <row r="64" spans="1:41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0"/>
      <c r="AN64" s="110"/>
      <c r="AO64" s="111"/>
    </row>
    <row r="65" spans="1:41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0"/>
      <c r="AN65" s="110"/>
      <c r="AO65" s="111"/>
    </row>
    <row r="66" spans="1:41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0"/>
      <c r="AN66" s="110"/>
      <c r="AO66" s="111"/>
    </row>
    <row r="67" spans="1:41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0"/>
      <c r="AN67" s="110"/>
      <c r="AO67" s="111"/>
    </row>
    <row r="68" spans="1:41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1"/>
    </row>
    <row r="69" spans="1:41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0"/>
      <c r="AN69" s="110"/>
      <c r="AO69" s="111"/>
    </row>
    <row r="70" spans="1:41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0"/>
      <c r="AN70" s="110"/>
      <c r="AO70" s="111"/>
    </row>
    <row r="71" spans="1:41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1"/>
    </row>
    <row r="72" spans="1:41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1"/>
    </row>
    <row r="73" spans="1:41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0"/>
      <c r="AN73" s="110"/>
      <c r="AO73" s="111"/>
    </row>
    <row r="74" spans="1:41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0"/>
      <c r="AN74" s="110"/>
      <c r="AO74" s="111"/>
    </row>
    <row r="75" spans="1:41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1"/>
    </row>
    <row r="76" spans="1:41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0"/>
      <c r="AN76" s="110"/>
      <c r="AO76" s="111"/>
    </row>
    <row r="77" spans="1:41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0"/>
      <c r="AN77" s="110"/>
      <c r="AO77" s="111"/>
    </row>
    <row r="78" spans="1:41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0"/>
      <c r="AN78" s="110"/>
      <c r="AO78" s="111"/>
    </row>
    <row r="79" spans="1:41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1"/>
    </row>
    <row r="80" spans="1:41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1"/>
    </row>
    <row r="81" spans="1:41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0"/>
      <c r="AN81" s="110"/>
      <c r="AO81" s="111"/>
    </row>
    <row r="82" spans="1:41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0"/>
      <c r="AN82" s="110"/>
      <c r="AO82" s="111"/>
    </row>
    <row r="83" spans="1:41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1"/>
    </row>
    <row r="84" spans="1:41" ht="9.75" customHeight="1">
      <c r="A84" s="112"/>
      <c r="B84" s="113"/>
      <c r="C84" s="113"/>
      <c r="D84" s="113"/>
      <c r="E84" s="113"/>
      <c r="F84" s="113"/>
      <c r="G84" s="113"/>
      <c r="H84" s="113"/>
      <c r="I84" s="113"/>
      <c r="J84" s="113"/>
      <c r="K84" s="113"/>
      <c r="L84" s="113"/>
      <c r="M84" s="113"/>
      <c r="N84" s="113"/>
      <c r="O84" s="113"/>
      <c r="P84" s="113"/>
      <c r="Q84" s="113"/>
      <c r="R84" s="113"/>
      <c r="S84" s="113"/>
      <c r="T84" s="113"/>
      <c r="U84" s="113"/>
      <c r="V84" s="113"/>
      <c r="W84" s="113"/>
      <c r="X84" s="113"/>
      <c r="Y84" s="113"/>
      <c r="Z84" s="113"/>
      <c r="AA84" s="113"/>
      <c r="AB84" s="113"/>
      <c r="AC84" s="113"/>
      <c r="AD84" s="113"/>
      <c r="AE84" s="113"/>
      <c r="AF84" s="113"/>
      <c r="AG84" s="113"/>
      <c r="AH84" s="113"/>
      <c r="AI84" s="113"/>
      <c r="AJ84" s="113"/>
      <c r="AK84" s="113"/>
      <c r="AL84" s="113"/>
      <c r="AM84" s="113"/>
      <c r="AN84" s="113"/>
      <c r="AO84" s="114"/>
    </row>
    <row r="6972" spans="11:11" ht="9.75" customHeight="1">
      <c r="K6972" s="156"/>
    </row>
    <row r="7007" spans="25:25" ht="9.75" customHeight="1">
      <c r="Y7007" s="157"/>
    </row>
  </sheetData>
  <mergeCells count="39">
    <mergeCell ref="A5:B8"/>
    <mergeCell ref="C5:D8"/>
    <mergeCell ref="E5:F8"/>
    <mergeCell ref="G5:S5"/>
    <mergeCell ref="T5:T8"/>
    <mergeCell ref="P7:Q8"/>
    <mergeCell ref="R7:S8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U5:X5"/>
    <mergeCell ref="X6:X8"/>
    <mergeCell ref="A10:A12"/>
    <mergeCell ref="B10:B12"/>
    <mergeCell ref="P10:P12"/>
    <mergeCell ref="Q10:Q12"/>
    <mergeCell ref="C13:C15"/>
    <mergeCell ref="D13:D15"/>
    <mergeCell ref="E16:E18"/>
    <mergeCell ref="F16:F18"/>
    <mergeCell ref="P19:P21"/>
    <mergeCell ref="Q19:Q21"/>
    <mergeCell ref="E22:E24"/>
    <mergeCell ref="F22:F24"/>
    <mergeCell ref="A35:F35"/>
    <mergeCell ref="G35:H35"/>
    <mergeCell ref="P25:P27"/>
    <mergeCell ref="Q25:Q27"/>
    <mergeCell ref="E28:E30"/>
    <mergeCell ref="F28:F30"/>
    <mergeCell ref="P31:P33"/>
    <mergeCell ref="Q31:Q33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O1267"/>
  <sheetViews>
    <sheetView zoomScaleNormal="100" zoomScaleSheetLayoutView="100" workbookViewId="0"/>
  </sheetViews>
  <sheetFormatPr defaultColWidth="9" defaultRowHeight="9.75" customHeight="1"/>
  <cols>
    <col min="1" max="1" width="2.109375" style="13" customWidth="1"/>
    <col min="2" max="2" width="10.6640625" style="13" customWidth="1"/>
    <col min="3" max="3" width="2.109375" style="13" customWidth="1"/>
    <col min="4" max="4" width="10.6640625" style="13" customWidth="1"/>
    <col min="5" max="5" width="2.109375" style="13" customWidth="1"/>
    <col min="6" max="6" width="10.6640625" style="13" customWidth="1"/>
    <col min="7" max="7" width="2.109375" style="13" customWidth="1"/>
    <col min="8" max="8" width="12.44140625" style="13" customWidth="1"/>
    <col min="9" max="9" width="2.109375" style="13" customWidth="1"/>
    <col min="10" max="11" width="12.6640625" style="13" customWidth="1"/>
    <col min="12" max="12" width="14.6640625" style="13" customWidth="1"/>
    <col min="13" max="13" width="0" style="13" hidden="1" customWidth="1"/>
    <col min="14" max="14" width="2.109375" style="13" customWidth="1"/>
    <col min="15" max="15" width="10.6640625" style="13" customWidth="1"/>
    <col min="16" max="16" width="1.33203125" style="13" customWidth="1"/>
    <col min="17" max="17" width="11.21875" style="13" customWidth="1"/>
    <col min="18" max="18" width="13.6640625" style="13" customWidth="1"/>
    <col min="19" max="19" width="1.88671875" style="13" customWidth="1"/>
    <col min="20" max="20" width="13.6640625" style="13" customWidth="1"/>
    <col min="21" max="21" width="11.109375" style="13" customWidth="1"/>
    <col min="22" max="22" width="2.109375" style="13" customWidth="1"/>
    <col min="23" max="23" width="10" style="13" customWidth="1"/>
    <col min="24" max="24" width="1.33203125" style="13" customWidth="1"/>
    <col min="25" max="27" width="1.21875" style="13" customWidth="1"/>
    <col min="28" max="35" width="0" style="13" hidden="1" customWidth="1"/>
    <col min="36" max="36" width="1.21875" style="13" customWidth="1"/>
    <col min="37" max="37" width="6.21875" style="13" customWidth="1"/>
    <col min="38" max="38" width="1.21875" style="13" customWidth="1"/>
    <col min="39" max="39" width="5" style="13" customWidth="1"/>
    <col min="40" max="16384" width="9" style="13"/>
  </cols>
  <sheetData>
    <row r="2" spans="1:41" s="3" customFormat="1" ht="22.5" customHeight="1">
      <c r="A2" s="221" t="s">
        <v>278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1"/>
      <c r="N2" s="222" t="s">
        <v>279</v>
      </c>
      <c r="O2" s="222"/>
      <c r="P2" s="222"/>
      <c r="Q2" s="222"/>
      <c r="R2" s="222"/>
      <c r="S2" s="222"/>
      <c r="T2" s="222"/>
      <c r="U2" s="222"/>
      <c r="V2" s="222"/>
      <c r="W2" s="222"/>
      <c r="X2" s="222"/>
      <c r="Y2" s="222"/>
      <c r="Z2" s="222"/>
      <c r="AA2" s="222"/>
      <c r="AB2" s="222"/>
      <c r="AC2" s="222"/>
      <c r="AD2" s="222"/>
      <c r="AE2" s="222"/>
      <c r="AF2" s="222"/>
      <c r="AG2" s="222"/>
      <c r="AH2" s="222"/>
      <c r="AI2" s="222"/>
      <c r="AJ2" s="222"/>
      <c r="AK2" s="222"/>
      <c r="AL2" s="222"/>
      <c r="AM2" s="222"/>
      <c r="AN2" s="2"/>
      <c r="AO2" s="2"/>
    </row>
    <row r="3" spans="1:41" s="3" customFormat="1" ht="11.25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5"/>
      <c r="AN3" s="4"/>
      <c r="AO3" s="4"/>
    </row>
    <row r="4" spans="1:41" s="11" customFormat="1" ht="26.25" customHeight="1">
      <c r="A4" s="6"/>
      <c r="B4" s="7" t="s">
        <v>2</v>
      </c>
      <c r="C4" s="8"/>
      <c r="D4" s="9" t="s">
        <v>3</v>
      </c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10" t="s">
        <v>3</v>
      </c>
      <c r="AN4" s="6"/>
      <c r="AO4" s="6"/>
    </row>
    <row r="5" spans="1:41" ht="13.5" customHeight="1">
      <c r="A5" s="223" t="s">
        <v>4</v>
      </c>
      <c r="B5" s="224"/>
      <c r="C5" s="195" t="s">
        <v>5</v>
      </c>
      <c r="D5" s="224"/>
      <c r="E5" s="195" t="s">
        <v>6</v>
      </c>
      <c r="F5" s="224"/>
      <c r="G5" s="227" t="s">
        <v>7</v>
      </c>
      <c r="H5" s="228"/>
      <c r="I5" s="228"/>
      <c r="J5" s="228"/>
      <c r="K5" s="228"/>
      <c r="L5" s="228"/>
      <c r="M5" s="228"/>
      <c r="N5" s="228"/>
      <c r="O5" s="228"/>
      <c r="P5" s="228"/>
      <c r="Q5" s="229"/>
      <c r="R5" s="195" t="s">
        <v>8</v>
      </c>
      <c r="S5" s="223" t="s">
        <v>9</v>
      </c>
      <c r="T5" s="197"/>
      <c r="U5" s="224" t="s">
        <v>10</v>
      </c>
      <c r="V5" s="195" t="s">
        <v>11</v>
      </c>
      <c r="W5" s="224"/>
      <c r="X5" s="195" t="s">
        <v>12</v>
      </c>
      <c r="Y5" s="196"/>
      <c r="Z5" s="196"/>
      <c r="AA5" s="196"/>
      <c r="AB5" s="196"/>
      <c r="AC5" s="196"/>
      <c r="AD5" s="196"/>
      <c r="AE5" s="196"/>
      <c r="AF5" s="196"/>
      <c r="AG5" s="196"/>
      <c r="AH5" s="196"/>
      <c r="AI5" s="196"/>
      <c r="AJ5" s="196"/>
      <c r="AK5" s="196"/>
      <c r="AL5" s="196"/>
      <c r="AM5" s="197"/>
      <c r="AN5" s="12"/>
      <c r="AO5" s="12"/>
    </row>
    <row r="6" spans="1:41" ht="13.5" customHeight="1">
      <c r="A6" s="225"/>
      <c r="B6" s="184"/>
      <c r="C6" s="198"/>
      <c r="D6" s="184"/>
      <c r="E6" s="198"/>
      <c r="F6" s="184"/>
      <c r="G6" s="203" t="s">
        <v>13</v>
      </c>
      <c r="H6" s="204"/>
      <c r="I6" s="203" t="s">
        <v>14</v>
      </c>
      <c r="J6" s="204"/>
      <c r="K6" s="206" t="s">
        <v>15</v>
      </c>
      <c r="L6" s="209" t="s">
        <v>16</v>
      </c>
      <c r="M6" s="14"/>
      <c r="N6" s="212" t="s">
        <v>17</v>
      </c>
      <c r="O6" s="212"/>
      <c r="P6" s="212"/>
      <c r="Q6" s="213"/>
      <c r="R6" s="198"/>
      <c r="S6" s="225"/>
      <c r="T6" s="199"/>
      <c r="U6" s="184"/>
      <c r="V6" s="198"/>
      <c r="W6" s="184"/>
      <c r="X6" s="198"/>
      <c r="Y6" s="183"/>
      <c r="Z6" s="183"/>
      <c r="AA6" s="183"/>
      <c r="AB6" s="183"/>
      <c r="AC6" s="183"/>
      <c r="AD6" s="183"/>
      <c r="AE6" s="183"/>
      <c r="AF6" s="183"/>
      <c r="AG6" s="183"/>
      <c r="AH6" s="183"/>
      <c r="AI6" s="183"/>
      <c r="AJ6" s="183"/>
      <c r="AK6" s="183"/>
      <c r="AL6" s="183"/>
      <c r="AM6" s="199"/>
      <c r="AN6" s="12"/>
      <c r="AO6" s="12"/>
    </row>
    <row r="7" spans="1:41" ht="4.5" customHeight="1">
      <c r="A7" s="225"/>
      <c r="B7" s="184"/>
      <c r="C7" s="198"/>
      <c r="D7" s="184"/>
      <c r="E7" s="198"/>
      <c r="F7" s="184"/>
      <c r="G7" s="198"/>
      <c r="H7" s="184"/>
      <c r="I7" s="198"/>
      <c r="J7" s="184"/>
      <c r="K7" s="207"/>
      <c r="L7" s="210"/>
      <c r="M7" s="15"/>
      <c r="N7" s="214" t="s">
        <v>18</v>
      </c>
      <c r="O7" s="204"/>
      <c r="P7" s="215" t="s">
        <v>19</v>
      </c>
      <c r="Q7" s="216"/>
      <c r="R7" s="198"/>
      <c r="S7" s="225"/>
      <c r="T7" s="199"/>
      <c r="U7" s="184"/>
      <c r="V7" s="198"/>
      <c r="W7" s="184"/>
      <c r="X7" s="198"/>
      <c r="Y7" s="183"/>
      <c r="Z7" s="183"/>
      <c r="AA7" s="183"/>
      <c r="AB7" s="183"/>
      <c r="AC7" s="183"/>
      <c r="AD7" s="183"/>
      <c r="AE7" s="183"/>
      <c r="AF7" s="183"/>
      <c r="AG7" s="183"/>
      <c r="AH7" s="183"/>
      <c r="AI7" s="183"/>
      <c r="AJ7" s="183"/>
      <c r="AK7" s="183"/>
      <c r="AL7" s="183"/>
      <c r="AM7" s="199"/>
      <c r="AN7" s="12"/>
      <c r="AO7" s="12"/>
    </row>
    <row r="8" spans="1:41" ht="4.5" customHeight="1">
      <c r="A8" s="225"/>
      <c r="B8" s="184"/>
      <c r="C8" s="198"/>
      <c r="D8" s="184"/>
      <c r="E8" s="198"/>
      <c r="F8" s="184"/>
      <c r="G8" s="198"/>
      <c r="H8" s="184"/>
      <c r="I8" s="198"/>
      <c r="J8" s="184"/>
      <c r="K8" s="207"/>
      <c r="L8" s="210"/>
      <c r="M8" s="15"/>
      <c r="N8" s="183"/>
      <c r="O8" s="184"/>
      <c r="P8" s="217"/>
      <c r="Q8" s="218"/>
      <c r="R8" s="198"/>
      <c r="S8" s="225"/>
      <c r="T8" s="199"/>
      <c r="U8" s="184"/>
      <c r="V8" s="198"/>
      <c r="W8" s="184"/>
      <c r="X8" s="198"/>
      <c r="Y8" s="183"/>
      <c r="Z8" s="183"/>
      <c r="AA8" s="183"/>
      <c r="AB8" s="183"/>
      <c r="AC8" s="183"/>
      <c r="AD8" s="183"/>
      <c r="AE8" s="183"/>
      <c r="AF8" s="183"/>
      <c r="AG8" s="183"/>
      <c r="AH8" s="183"/>
      <c r="AI8" s="183"/>
      <c r="AJ8" s="183"/>
      <c r="AK8" s="183"/>
      <c r="AL8" s="183"/>
      <c r="AM8" s="199"/>
      <c r="AN8" s="12"/>
      <c r="AO8" s="12"/>
    </row>
    <row r="9" spans="1:41" ht="4.5" customHeight="1">
      <c r="A9" s="226"/>
      <c r="B9" s="205"/>
      <c r="C9" s="200"/>
      <c r="D9" s="205"/>
      <c r="E9" s="200"/>
      <c r="F9" s="205"/>
      <c r="G9" s="200"/>
      <c r="H9" s="205"/>
      <c r="I9" s="200"/>
      <c r="J9" s="205"/>
      <c r="K9" s="208"/>
      <c r="L9" s="211"/>
      <c r="M9" s="16"/>
      <c r="N9" s="201"/>
      <c r="O9" s="205"/>
      <c r="P9" s="219"/>
      <c r="Q9" s="220"/>
      <c r="R9" s="200"/>
      <c r="S9" s="226"/>
      <c r="T9" s="202"/>
      <c r="U9" s="205"/>
      <c r="V9" s="200"/>
      <c r="W9" s="205"/>
      <c r="X9" s="200"/>
      <c r="Y9" s="201"/>
      <c r="Z9" s="201"/>
      <c r="AA9" s="201"/>
      <c r="AB9" s="201"/>
      <c r="AC9" s="201"/>
      <c r="AD9" s="201"/>
      <c r="AE9" s="201"/>
      <c r="AF9" s="201"/>
      <c r="AG9" s="201"/>
      <c r="AH9" s="201"/>
      <c r="AI9" s="201"/>
      <c r="AJ9" s="201"/>
      <c r="AK9" s="201"/>
      <c r="AL9" s="201"/>
      <c r="AM9" s="202"/>
      <c r="AN9" s="12"/>
      <c r="AO9" s="12"/>
    </row>
    <row r="10" spans="1:41" s="32" customFormat="1" ht="9" customHeight="1">
      <c r="A10" s="17"/>
      <c r="B10" s="18"/>
      <c r="C10" s="19"/>
      <c r="D10" s="18"/>
      <c r="E10" s="19"/>
      <c r="F10" s="18"/>
      <c r="G10" s="20"/>
      <c r="H10" s="21" t="s">
        <v>20</v>
      </c>
      <c r="I10" s="20"/>
      <c r="J10" s="21" t="s">
        <v>20</v>
      </c>
      <c r="K10" s="22" t="s">
        <v>20</v>
      </c>
      <c r="L10" s="23" t="s">
        <v>20</v>
      </c>
      <c r="M10" s="19"/>
      <c r="N10" s="19"/>
      <c r="O10" s="24"/>
      <c r="P10" s="20"/>
      <c r="Q10" s="21" t="s">
        <v>20</v>
      </c>
      <c r="R10" s="20" t="s">
        <v>20</v>
      </c>
      <c r="S10" s="25"/>
      <c r="T10" s="26" t="s">
        <v>20</v>
      </c>
      <c r="U10" s="21" t="s">
        <v>20</v>
      </c>
      <c r="V10" s="20"/>
      <c r="W10" s="21" t="s">
        <v>20</v>
      </c>
      <c r="X10" s="27"/>
      <c r="Y10" s="27"/>
      <c r="Z10" s="27"/>
      <c r="AA10" s="27"/>
      <c r="AB10" s="28"/>
      <c r="AC10" s="28"/>
      <c r="AD10" s="28"/>
      <c r="AE10" s="28"/>
      <c r="AF10" s="28"/>
      <c r="AG10" s="28"/>
      <c r="AH10" s="28"/>
      <c r="AI10" s="28"/>
      <c r="AJ10" s="28"/>
      <c r="AK10" s="29"/>
      <c r="AL10" s="29"/>
      <c r="AM10" s="30"/>
      <c r="AN10" s="31"/>
      <c r="AO10" s="31"/>
    </row>
    <row r="11" spans="1:41" s="46" customFormat="1" ht="9.75" customHeight="1">
      <c r="A11" s="192" t="s">
        <v>21</v>
      </c>
      <c r="B11" s="233" t="s">
        <v>280</v>
      </c>
      <c r="C11" s="33"/>
      <c r="D11" s="34"/>
      <c r="E11" s="33"/>
      <c r="F11" s="34"/>
      <c r="G11" s="35"/>
      <c r="H11" s="36"/>
      <c r="I11" s="35"/>
      <c r="J11" s="36"/>
      <c r="K11" s="37"/>
      <c r="L11" s="37"/>
      <c r="M11" s="38"/>
      <c r="N11" s="38"/>
      <c r="O11" s="39"/>
      <c r="P11" s="35"/>
      <c r="Q11" s="36"/>
      <c r="R11" s="35"/>
      <c r="S11" s="40"/>
      <c r="T11" s="41"/>
      <c r="U11" s="36"/>
      <c r="V11" s="35"/>
      <c r="W11" s="36"/>
      <c r="X11" s="42" t="s">
        <v>3</v>
      </c>
      <c r="Y11" s="42"/>
      <c r="Z11" s="42"/>
      <c r="AA11" s="42"/>
      <c r="AB11" s="43"/>
      <c r="AC11" s="43"/>
      <c r="AD11" s="43"/>
      <c r="AE11" s="43"/>
      <c r="AF11" s="43"/>
      <c r="AG11" s="43"/>
      <c r="AH11" s="43"/>
      <c r="AI11" s="43"/>
      <c r="AJ11" s="43"/>
      <c r="AK11" s="44"/>
      <c r="AL11" s="44"/>
      <c r="AM11" s="45"/>
    </row>
    <row r="12" spans="1:41" s="46" customFormat="1" ht="9.75" customHeight="1">
      <c r="A12" s="193"/>
      <c r="B12" s="179"/>
      <c r="C12" s="33"/>
      <c r="D12" s="34"/>
      <c r="E12" s="33"/>
      <c r="F12" s="34"/>
      <c r="G12" s="35"/>
      <c r="H12" s="36" t="s">
        <v>281</v>
      </c>
      <c r="I12" s="35" t="s">
        <v>133</v>
      </c>
      <c r="J12" s="36" t="s">
        <v>282</v>
      </c>
      <c r="K12" s="37" t="s">
        <v>30</v>
      </c>
      <c r="L12" s="37" t="s">
        <v>283</v>
      </c>
      <c r="M12" s="38"/>
      <c r="N12" s="38"/>
      <c r="O12" s="39"/>
      <c r="P12" s="35"/>
      <c r="Q12" s="36"/>
      <c r="R12" s="35" t="s">
        <v>284</v>
      </c>
      <c r="S12" s="40"/>
      <c r="T12" s="41" t="s">
        <v>284</v>
      </c>
      <c r="U12" s="36" t="s">
        <v>30</v>
      </c>
      <c r="V12" s="35"/>
      <c r="W12" s="36" t="s">
        <v>30</v>
      </c>
      <c r="X12" s="42"/>
      <c r="Y12" s="42"/>
      <c r="Z12" s="42"/>
      <c r="AA12" s="42"/>
      <c r="AB12" s="43"/>
      <c r="AC12" s="43"/>
      <c r="AD12" s="43"/>
      <c r="AE12" s="43"/>
      <c r="AF12" s="43"/>
      <c r="AG12" s="43"/>
      <c r="AH12" s="43"/>
      <c r="AI12" s="43"/>
      <c r="AJ12" s="43"/>
      <c r="AK12" s="44"/>
      <c r="AL12" s="44"/>
      <c r="AM12" s="45"/>
    </row>
    <row r="13" spans="1:41" s="46" customFormat="1" ht="9.75" customHeight="1">
      <c r="A13" s="193"/>
      <c r="B13" s="179"/>
      <c r="C13" s="33"/>
      <c r="D13" s="34"/>
      <c r="E13" s="33"/>
      <c r="F13" s="34"/>
      <c r="G13" s="35"/>
      <c r="H13" s="36"/>
      <c r="I13" s="35"/>
      <c r="J13" s="36"/>
      <c r="K13" s="37"/>
      <c r="L13" s="37"/>
      <c r="M13" s="38"/>
      <c r="N13" s="38"/>
      <c r="O13" s="39"/>
      <c r="P13" s="35"/>
      <c r="Q13" s="36"/>
      <c r="R13" s="35"/>
      <c r="S13" s="40"/>
      <c r="T13" s="41"/>
      <c r="U13" s="36"/>
      <c r="V13" s="35"/>
      <c r="W13" s="36"/>
      <c r="X13" s="42"/>
      <c r="Y13" s="42"/>
      <c r="Z13" s="42"/>
      <c r="AA13" s="42"/>
      <c r="AB13" s="43"/>
      <c r="AC13" s="43"/>
      <c r="AD13" s="43"/>
      <c r="AE13" s="43"/>
      <c r="AF13" s="43"/>
      <c r="AG13" s="43"/>
      <c r="AH13" s="43"/>
      <c r="AI13" s="43"/>
      <c r="AJ13" s="43"/>
      <c r="AK13" s="44"/>
      <c r="AL13" s="44"/>
      <c r="AM13" s="45"/>
    </row>
    <row r="14" spans="1:41" s="46" customFormat="1" ht="9.75" customHeight="1">
      <c r="A14" s="47"/>
      <c r="B14" s="39"/>
      <c r="C14" s="175" t="s">
        <v>21</v>
      </c>
      <c r="D14" s="178" t="s">
        <v>179</v>
      </c>
      <c r="E14" s="48"/>
      <c r="F14" s="49"/>
      <c r="G14" s="48"/>
      <c r="H14" s="50"/>
      <c r="I14" s="48"/>
      <c r="J14" s="50"/>
      <c r="K14" s="51"/>
      <c r="L14" s="51"/>
      <c r="M14" s="52"/>
      <c r="N14" s="52"/>
      <c r="O14" s="49"/>
      <c r="P14" s="48"/>
      <c r="Q14" s="50"/>
      <c r="R14" s="48"/>
      <c r="S14" s="53"/>
      <c r="T14" s="54"/>
      <c r="U14" s="50"/>
      <c r="V14" s="48"/>
      <c r="W14" s="50"/>
      <c r="X14" s="55" t="s">
        <v>3</v>
      </c>
      <c r="Y14" s="55"/>
      <c r="Z14" s="55"/>
      <c r="AA14" s="55"/>
      <c r="AB14" s="56"/>
      <c r="AC14" s="56"/>
      <c r="AD14" s="56"/>
      <c r="AE14" s="56"/>
      <c r="AF14" s="56"/>
      <c r="AG14" s="56"/>
      <c r="AH14" s="56"/>
      <c r="AI14" s="56"/>
      <c r="AJ14" s="56"/>
      <c r="AK14" s="19"/>
      <c r="AL14" s="19"/>
      <c r="AM14" s="26"/>
    </row>
    <row r="15" spans="1:41" s="46" customFormat="1" ht="9.75" customHeight="1">
      <c r="A15" s="57"/>
      <c r="B15" s="58"/>
      <c r="C15" s="176"/>
      <c r="D15" s="179"/>
      <c r="E15" s="33"/>
      <c r="F15" s="34"/>
      <c r="G15" s="33"/>
      <c r="H15" s="59" t="s">
        <v>285</v>
      </c>
      <c r="I15" s="33" t="s">
        <v>133</v>
      </c>
      <c r="J15" s="59" t="s">
        <v>282</v>
      </c>
      <c r="K15" s="60" t="s">
        <v>30</v>
      </c>
      <c r="L15" s="60" t="s">
        <v>286</v>
      </c>
      <c r="M15" s="61"/>
      <c r="N15" s="61"/>
      <c r="O15" s="34"/>
      <c r="P15" s="33"/>
      <c r="Q15" s="59"/>
      <c r="R15" s="33" t="s">
        <v>284</v>
      </c>
      <c r="S15" s="62"/>
      <c r="T15" s="63" t="s">
        <v>284</v>
      </c>
      <c r="U15" s="59" t="s">
        <v>30</v>
      </c>
      <c r="V15" s="33"/>
      <c r="W15" s="59" t="s">
        <v>30</v>
      </c>
      <c r="X15" s="27"/>
      <c r="Y15" s="27"/>
      <c r="Z15" s="27"/>
      <c r="AA15" s="27"/>
      <c r="AB15" s="28"/>
      <c r="AC15" s="28"/>
      <c r="AD15" s="28"/>
      <c r="AE15" s="28"/>
      <c r="AF15" s="28"/>
      <c r="AG15" s="28"/>
      <c r="AH15" s="28"/>
      <c r="AI15" s="28"/>
      <c r="AJ15" s="28"/>
      <c r="AK15" s="29"/>
      <c r="AL15" s="29"/>
      <c r="AM15" s="30"/>
    </row>
    <row r="16" spans="1:41" s="46" customFormat="1" ht="9.75" customHeight="1">
      <c r="A16" s="57"/>
      <c r="B16" s="58"/>
      <c r="C16" s="176"/>
      <c r="D16" s="179"/>
      <c r="E16" s="33"/>
      <c r="F16" s="34"/>
      <c r="G16" s="33"/>
      <c r="H16" s="59"/>
      <c r="I16" s="33"/>
      <c r="J16" s="59"/>
      <c r="K16" s="60"/>
      <c r="L16" s="60"/>
      <c r="M16" s="61"/>
      <c r="N16" s="61"/>
      <c r="O16" s="34"/>
      <c r="P16" s="33"/>
      <c r="Q16" s="59"/>
      <c r="R16" s="33"/>
      <c r="S16" s="62"/>
      <c r="T16" s="63"/>
      <c r="U16" s="59"/>
      <c r="V16" s="33"/>
      <c r="W16" s="59"/>
      <c r="X16" s="27"/>
      <c r="Y16" s="27"/>
      <c r="Z16" s="27"/>
      <c r="AA16" s="27"/>
      <c r="AB16" s="28"/>
      <c r="AC16" s="28"/>
      <c r="AD16" s="28"/>
      <c r="AE16" s="28"/>
      <c r="AF16" s="28"/>
      <c r="AG16" s="28"/>
      <c r="AH16" s="28"/>
      <c r="AI16" s="28"/>
      <c r="AJ16" s="28"/>
      <c r="AK16" s="29"/>
      <c r="AL16" s="29"/>
      <c r="AM16" s="30"/>
    </row>
    <row r="17" spans="1:39" s="46" customFormat="1" ht="9.75" customHeight="1">
      <c r="A17" s="57"/>
      <c r="B17" s="58"/>
      <c r="C17" s="33"/>
      <c r="D17" s="58"/>
      <c r="E17" s="175" t="s">
        <v>21</v>
      </c>
      <c r="F17" s="178" t="s">
        <v>183</v>
      </c>
      <c r="G17" s="48"/>
      <c r="H17" s="50"/>
      <c r="I17" s="48"/>
      <c r="J17" s="50"/>
      <c r="K17" s="51"/>
      <c r="L17" s="51"/>
      <c r="M17" s="52"/>
      <c r="N17" s="52"/>
      <c r="O17" s="49"/>
      <c r="P17" s="48"/>
      <c r="Q17" s="50"/>
      <c r="R17" s="48"/>
      <c r="S17" s="53"/>
      <c r="T17" s="54"/>
      <c r="U17" s="50"/>
      <c r="V17" s="48"/>
      <c r="W17" s="50"/>
      <c r="X17" s="55" t="s">
        <v>3</v>
      </c>
      <c r="Y17" s="55"/>
      <c r="Z17" s="55"/>
      <c r="AA17" s="55"/>
      <c r="AB17" s="56"/>
      <c r="AC17" s="56"/>
      <c r="AD17" s="56"/>
      <c r="AE17" s="56"/>
      <c r="AF17" s="56"/>
      <c r="AG17" s="56"/>
      <c r="AH17" s="56"/>
      <c r="AI17" s="56"/>
      <c r="AJ17" s="56"/>
      <c r="AK17" s="19"/>
      <c r="AL17" s="19"/>
      <c r="AM17" s="26"/>
    </row>
    <row r="18" spans="1:39" s="46" customFormat="1" ht="9.75" customHeight="1">
      <c r="A18" s="57"/>
      <c r="B18" s="58"/>
      <c r="C18" s="33"/>
      <c r="D18" s="58"/>
      <c r="E18" s="176"/>
      <c r="F18" s="179"/>
      <c r="G18" s="33"/>
      <c r="H18" s="59" t="s">
        <v>285</v>
      </c>
      <c r="I18" s="33" t="s">
        <v>133</v>
      </c>
      <c r="J18" s="59" t="s">
        <v>282</v>
      </c>
      <c r="K18" s="60" t="s">
        <v>30</v>
      </c>
      <c r="L18" s="60" t="s">
        <v>286</v>
      </c>
      <c r="M18" s="61"/>
      <c r="N18" s="61"/>
      <c r="O18" s="34"/>
      <c r="P18" s="33"/>
      <c r="Q18" s="59"/>
      <c r="R18" s="33" t="s">
        <v>284</v>
      </c>
      <c r="S18" s="62"/>
      <c r="T18" s="63" t="s">
        <v>284</v>
      </c>
      <c r="U18" s="59" t="s">
        <v>30</v>
      </c>
      <c r="V18" s="33"/>
      <c r="W18" s="59" t="s">
        <v>30</v>
      </c>
      <c r="X18" s="27"/>
      <c r="Y18" s="27"/>
      <c r="Z18" s="27"/>
      <c r="AA18" s="27"/>
      <c r="AB18" s="28"/>
      <c r="AC18" s="28"/>
      <c r="AD18" s="28"/>
      <c r="AE18" s="28"/>
      <c r="AF18" s="28"/>
      <c r="AG18" s="28"/>
      <c r="AH18" s="28"/>
      <c r="AI18" s="28"/>
      <c r="AJ18" s="28"/>
      <c r="AK18" s="29"/>
      <c r="AL18" s="29"/>
      <c r="AM18" s="30"/>
    </row>
    <row r="19" spans="1:39" s="46" customFormat="1" ht="9.75" customHeight="1">
      <c r="A19" s="57"/>
      <c r="B19" s="58"/>
      <c r="C19" s="33"/>
      <c r="D19" s="58"/>
      <c r="E19" s="176"/>
      <c r="F19" s="179"/>
      <c r="G19" s="33"/>
      <c r="H19" s="59"/>
      <c r="I19" s="33"/>
      <c r="J19" s="59"/>
      <c r="K19" s="60"/>
      <c r="L19" s="60"/>
      <c r="M19" s="61"/>
      <c r="N19" s="61"/>
      <c r="O19" s="34"/>
      <c r="P19" s="33"/>
      <c r="Q19" s="59"/>
      <c r="R19" s="33"/>
      <c r="S19" s="62"/>
      <c r="T19" s="63"/>
      <c r="U19" s="59"/>
      <c r="V19" s="33"/>
      <c r="W19" s="59"/>
      <c r="X19" s="27"/>
      <c r="Y19" s="27"/>
      <c r="Z19" s="27"/>
      <c r="AA19" s="27"/>
      <c r="AB19" s="28"/>
      <c r="AC19" s="28"/>
      <c r="AD19" s="28"/>
      <c r="AE19" s="28"/>
      <c r="AF19" s="28"/>
      <c r="AG19" s="28"/>
      <c r="AH19" s="28"/>
      <c r="AI19" s="28"/>
      <c r="AJ19" s="28"/>
      <c r="AK19" s="29"/>
      <c r="AL19" s="29"/>
      <c r="AM19" s="30"/>
    </row>
    <row r="20" spans="1:39" s="46" customFormat="1" ht="9.75" customHeight="1">
      <c r="A20" s="57"/>
      <c r="B20" s="58"/>
      <c r="C20" s="33"/>
      <c r="D20" s="58"/>
      <c r="E20" s="33"/>
      <c r="F20" s="58"/>
      <c r="G20" s="33"/>
      <c r="H20" s="59"/>
      <c r="I20" s="33"/>
      <c r="J20" s="59"/>
      <c r="K20" s="60"/>
      <c r="L20" s="60"/>
      <c r="M20" s="61"/>
      <c r="N20" s="185" t="s">
        <v>21</v>
      </c>
      <c r="O20" s="178" t="s">
        <v>184</v>
      </c>
      <c r="P20" s="48"/>
      <c r="Q20" s="50"/>
      <c r="R20" s="48"/>
      <c r="S20" s="53"/>
      <c r="T20" s="54"/>
      <c r="U20" s="50"/>
      <c r="V20" s="48"/>
      <c r="W20" s="50"/>
      <c r="X20" s="55" t="s">
        <v>3</v>
      </c>
      <c r="Y20" s="55"/>
      <c r="Z20" s="55"/>
      <c r="AA20" s="55"/>
      <c r="AB20" s="56"/>
      <c r="AC20" s="56"/>
      <c r="AD20" s="56"/>
      <c r="AE20" s="56"/>
      <c r="AF20" s="56"/>
      <c r="AG20" s="56"/>
      <c r="AH20" s="56"/>
      <c r="AI20" s="56"/>
      <c r="AJ20" s="56"/>
      <c r="AK20" s="19"/>
      <c r="AL20" s="19"/>
      <c r="AM20" s="26"/>
    </row>
    <row r="21" spans="1:39" s="46" customFormat="1" ht="9.75" customHeight="1">
      <c r="A21" s="57"/>
      <c r="B21" s="58"/>
      <c r="C21" s="33"/>
      <c r="D21" s="58"/>
      <c r="E21" s="33"/>
      <c r="F21" s="58"/>
      <c r="G21" s="33"/>
      <c r="H21" s="59"/>
      <c r="I21" s="33"/>
      <c r="J21" s="59"/>
      <c r="K21" s="60"/>
      <c r="L21" s="60"/>
      <c r="M21" s="61"/>
      <c r="N21" s="186"/>
      <c r="O21" s="179"/>
      <c r="P21" s="33"/>
      <c r="Q21" s="59" t="s">
        <v>286</v>
      </c>
      <c r="R21" s="33" t="s">
        <v>284</v>
      </c>
      <c r="S21" s="62"/>
      <c r="T21" s="63" t="s">
        <v>284</v>
      </c>
      <c r="U21" s="59" t="s">
        <v>30</v>
      </c>
      <c r="V21" s="33"/>
      <c r="W21" s="59" t="s">
        <v>30</v>
      </c>
      <c r="X21" s="27"/>
      <c r="Y21" s="27"/>
      <c r="Z21" s="27"/>
      <c r="AA21" s="27"/>
      <c r="AB21" s="28"/>
      <c r="AC21" s="28"/>
      <c r="AD21" s="28"/>
      <c r="AE21" s="28"/>
      <c r="AF21" s="28"/>
      <c r="AG21" s="28"/>
      <c r="AH21" s="28"/>
      <c r="AI21" s="28"/>
      <c r="AJ21" s="28"/>
      <c r="AK21" s="29"/>
      <c r="AL21" s="29"/>
      <c r="AM21" s="30"/>
    </row>
    <row r="22" spans="1:39" s="46" customFormat="1" ht="9.75" customHeight="1">
      <c r="A22" s="57"/>
      <c r="B22" s="58"/>
      <c r="C22" s="64"/>
      <c r="D22" s="65"/>
      <c r="E22" s="64"/>
      <c r="F22" s="65"/>
      <c r="G22" s="64"/>
      <c r="H22" s="66"/>
      <c r="I22" s="64"/>
      <c r="J22" s="66"/>
      <c r="K22" s="67"/>
      <c r="L22" s="67"/>
      <c r="M22" s="68"/>
      <c r="N22" s="187"/>
      <c r="O22" s="180"/>
      <c r="P22" s="64"/>
      <c r="Q22" s="66"/>
      <c r="R22" s="64"/>
      <c r="S22" s="69"/>
      <c r="T22" s="70"/>
      <c r="U22" s="66"/>
      <c r="V22" s="64"/>
      <c r="W22" s="66"/>
      <c r="X22" s="71"/>
      <c r="Y22" s="71"/>
      <c r="Z22" s="71"/>
      <c r="AA22" s="71"/>
      <c r="AB22" s="72"/>
      <c r="AC22" s="72"/>
      <c r="AD22" s="72"/>
      <c r="AE22" s="72"/>
      <c r="AF22" s="72"/>
      <c r="AG22" s="72"/>
      <c r="AH22" s="72"/>
      <c r="AI22" s="72"/>
      <c r="AJ22" s="72"/>
      <c r="AK22" s="73"/>
      <c r="AL22" s="73"/>
      <c r="AM22" s="74"/>
    </row>
    <row r="23" spans="1:39" s="46" customFormat="1" ht="9.75" customHeight="1">
      <c r="A23" s="47"/>
      <c r="B23" s="75"/>
      <c r="C23" s="175" t="s">
        <v>36</v>
      </c>
      <c r="D23" s="178" t="s">
        <v>287</v>
      </c>
      <c r="E23" s="48"/>
      <c r="F23" s="49"/>
      <c r="G23" s="48"/>
      <c r="H23" s="50"/>
      <c r="I23" s="48"/>
      <c r="J23" s="50"/>
      <c r="K23" s="51"/>
      <c r="L23" s="51"/>
      <c r="M23" s="52"/>
      <c r="N23" s="52"/>
      <c r="O23" s="76"/>
      <c r="P23" s="48"/>
      <c r="Q23" s="50"/>
      <c r="R23" s="48"/>
      <c r="S23" s="53"/>
      <c r="T23" s="54"/>
      <c r="U23" s="50"/>
      <c r="V23" s="48"/>
      <c r="W23" s="50"/>
      <c r="X23" s="55" t="s">
        <v>3</v>
      </c>
      <c r="Y23" s="55"/>
      <c r="Z23" s="55"/>
      <c r="AA23" s="55"/>
      <c r="AB23" s="56"/>
      <c r="AC23" s="56"/>
      <c r="AD23" s="56"/>
      <c r="AE23" s="56"/>
      <c r="AF23" s="56"/>
      <c r="AG23" s="56"/>
      <c r="AH23" s="56"/>
      <c r="AI23" s="56"/>
      <c r="AJ23" s="56"/>
      <c r="AK23" s="19"/>
      <c r="AL23" s="19"/>
      <c r="AM23" s="26"/>
    </row>
    <row r="24" spans="1:39" s="46" customFormat="1" ht="9.75" customHeight="1">
      <c r="A24" s="47"/>
      <c r="B24" s="75"/>
      <c r="C24" s="176"/>
      <c r="D24" s="179"/>
      <c r="E24" s="33"/>
      <c r="F24" s="34"/>
      <c r="G24" s="33"/>
      <c r="H24" s="59" t="s">
        <v>288</v>
      </c>
      <c r="I24" s="33"/>
      <c r="J24" s="59" t="s">
        <v>30</v>
      </c>
      <c r="K24" s="60" t="s">
        <v>30</v>
      </c>
      <c r="L24" s="60" t="s">
        <v>288</v>
      </c>
      <c r="M24" s="61"/>
      <c r="N24" s="61"/>
      <c r="O24" s="58"/>
      <c r="P24" s="33"/>
      <c r="Q24" s="59"/>
      <c r="R24" s="33" t="s">
        <v>30</v>
      </c>
      <c r="S24" s="62"/>
      <c r="T24" s="63" t="s">
        <v>30</v>
      </c>
      <c r="U24" s="59" t="s">
        <v>30</v>
      </c>
      <c r="V24" s="33"/>
      <c r="W24" s="59" t="s">
        <v>30</v>
      </c>
      <c r="X24" s="27"/>
      <c r="Y24" s="27"/>
      <c r="Z24" s="27"/>
      <c r="AA24" s="27"/>
      <c r="AB24" s="28"/>
      <c r="AC24" s="28"/>
      <c r="AD24" s="28"/>
      <c r="AE24" s="28"/>
      <c r="AF24" s="28"/>
      <c r="AG24" s="28"/>
      <c r="AH24" s="28"/>
      <c r="AI24" s="28"/>
      <c r="AJ24" s="28"/>
      <c r="AK24" s="29"/>
      <c r="AL24" s="29"/>
      <c r="AM24" s="30"/>
    </row>
    <row r="25" spans="1:39" s="46" customFormat="1" ht="9.75" customHeight="1">
      <c r="A25" s="47"/>
      <c r="B25" s="75"/>
      <c r="C25" s="176"/>
      <c r="D25" s="179"/>
      <c r="E25" s="33"/>
      <c r="F25" s="34"/>
      <c r="G25" s="33"/>
      <c r="H25" s="59"/>
      <c r="I25" s="33"/>
      <c r="J25" s="59"/>
      <c r="K25" s="60"/>
      <c r="L25" s="60"/>
      <c r="M25" s="61"/>
      <c r="N25" s="61"/>
      <c r="O25" s="58"/>
      <c r="P25" s="33"/>
      <c r="Q25" s="59"/>
      <c r="R25" s="33"/>
      <c r="S25" s="62"/>
      <c r="T25" s="63"/>
      <c r="U25" s="59"/>
      <c r="V25" s="33"/>
      <c r="W25" s="59"/>
      <c r="X25" s="27"/>
      <c r="Y25" s="27"/>
      <c r="Z25" s="27"/>
      <c r="AA25" s="27"/>
      <c r="AB25" s="28"/>
      <c r="AC25" s="28"/>
      <c r="AD25" s="28"/>
      <c r="AE25" s="28"/>
      <c r="AF25" s="28"/>
      <c r="AG25" s="28"/>
      <c r="AH25" s="28"/>
      <c r="AI25" s="28"/>
      <c r="AJ25" s="28"/>
      <c r="AK25" s="29"/>
      <c r="AL25" s="29"/>
      <c r="AM25" s="30"/>
    </row>
    <row r="26" spans="1:39" s="46" customFormat="1" ht="9.75" customHeight="1">
      <c r="A26" s="47"/>
      <c r="B26" s="39"/>
      <c r="C26" s="33"/>
      <c r="D26" s="34"/>
      <c r="E26" s="175" t="s">
        <v>21</v>
      </c>
      <c r="F26" s="178" t="s">
        <v>289</v>
      </c>
      <c r="G26" s="48"/>
      <c r="H26" s="50"/>
      <c r="I26" s="48"/>
      <c r="J26" s="50"/>
      <c r="K26" s="51"/>
      <c r="L26" s="51"/>
      <c r="M26" s="52"/>
      <c r="N26" s="52"/>
      <c r="O26" s="49"/>
      <c r="P26" s="48"/>
      <c r="Q26" s="50"/>
      <c r="R26" s="48"/>
      <c r="S26" s="53"/>
      <c r="T26" s="54"/>
      <c r="U26" s="50"/>
      <c r="V26" s="48"/>
      <c r="W26" s="50"/>
      <c r="X26" s="55" t="s">
        <v>3</v>
      </c>
      <c r="Y26" s="55"/>
      <c r="Z26" s="55"/>
      <c r="AA26" s="55"/>
      <c r="AB26" s="56"/>
      <c r="AC26" s="56"/>
      <c r="AD26" s="56"/>
      <c r="AE26" s="56"/>
      <c r="AF26" s="56"/>
      <c r="AG26" s="56"/>
      <c r="AH26" s="56"/>
      <c r="AI26" s="56"/>
      <c r="AJ26" s="56"/>
      <c r="AK26" s="19"/>
      <c r="AL26" s="19"/>
      <c r="AM26" s="26"/>
    </row>
    <row r="27" spans="1:39" s="46" customFormat="1" ht="9.75" customHeight="1">
      <c r="A27" s="57"/>
      <c r="B27" s="58"/>
      <c r="C27" s="33"/>
      <c r="D27" s="34"/>
      <c r="E27" s="176"/>
      <c r="F27" s="179"/>
      <c r="G27" s="33"/>
      <c r="H27" s="59" t="s">
        <v>288</v>
      </c>
      <c r="I27" s="33"/>
      <c r="J27" s="59" t="s">
        <v>30</v>
      </c>
      <c r="K27" s="60" t="s">
        <v>30</v>
      </c>
      <c r="L27" s="60" t="s">
        <v>288</v>
      </c>
      <c r="M27" s="61"/>
      <c r="N27" s="61"/>
      <c r="O27" s="34"/>
      <c r="P27" s="33"/>
      <c r="Q27" s="59"/>
      <c r="R27" s="33" t="s">
        <v>30</v>
      </c>
      <c r="S27" s="62"/>
      <c r="T27" s="63" t="s">
        <v>30</v>
      </c>
      <c r="U27" s="59" t="s">
        <v>30</v>
      </c>
      <c r="V27" s="33"/>
      <c r="W27" s="59" t="s">
        <v>30</v>
      </c>
      <c r="X27" s="27"/>
      <c r="Y27" s="27"/>
      <c r="Z27" s="27"/>
      <c r="AA27" s="27"/>
      <c r="AB27" s="28"/>
      <c r="AC27" s="28"/>
      <c r="AD27" s="28"/>
      <c r="AE27" s="28"/>
      <c r="AF27" s="28"/>
      <c r="AG27" s="28"/>
      <c r="AH27" s="28"/>
      <c r="AI27" s="28"/>
      <c r="AJ27" s="28"/>
      <c r="AK27" s="29"/>
      <c r="AL27" s="29"/>
      <c r="AM27" s="30"/>
    </row>
    <row r="28" spans="1:39" s="46" customFormat="1" ht="9.75" customHeight="1">
      <c r="A28" s="57"/>
      <c r="B28" s="58"/>
      <c r="C28" s="33"/>
      <c r="D28" s="34"/>
      <c r="E28" s="176"/>
      <c r="F28" s="179"/>
      <c r="G28" s="33"/>
      <c r="H28" s="59"/>
      <c r="I28" s="33"/>
      <c r="J28" s="59"/>
      <c r="K28" s="60"/>
      <c r="L28" s="60"/>
      <c r="M28" s="61"/>
      <c r="N28" s="61"/>
      <c r="O28" s="34"/>
      <c r="P28" s="33"/>
      <c r="Q28" s="59"/>
      <c r="R28" s="33"/>
      <c r="S28" s="62"/>
      <c r="T28" s="63"/>
      <c r="U28" s="59"/>
      <c r="V28" s="33"/>
      <c r="W28" s="59"/>
      <c r="X28" s="27"/>
      <c r="Y28" s="27"/>
      <c r="Z28" s="27"/>
      <c r="AA28" s="27"/>
      <c r="AB28" s="28"/>
      <c r="AC28" s="28"/>
      <c r="AD28" s="28"/>
      <c r="AE28" s="28"/>
      <c r="AF28" s="28"/>
      <c r="AG28" s="28"/>
      <c r="AH28" s="28"/>
      <c r="AI28" s="28"/>
      <c r="AJ28" s="28"/>
      <c r="AK28" s="29"/>
      <c r="AL28" s="29"/>
      <c r="AM28" s="30"/>
    </row>
    <row r="29" spans="1:39" s="46" customFormat="1" ht="9.75" customHeight="1">
      <c r="A29" s="57"/>
      <c r="B29" s="58"/>
      <c r="C29" s="33"/>
      <c r="D29" s="58"/>
      <c r="E29" s="33"/>
      <c r="F29" s="34"/>
      <c r="G29" s="33"/>
      <c r="H29" s="59"/>
      <c r="I29" s="33"/>
      <c r="J29" s="59"/>
      <c r="K29" s="60"/>
      <c r="L29" s="60"/>
      <c r="M29" s="61"/>
      <c r="N29" s="185" t="s">
        <v>21</v>
      </c>
      <c r="O29" s="188" t="s">
        <v>290</v>
      </c>
      <c r="P29" s="48"/>
      <c r="Q29" s="50"/>
      <c r="R29" s="48"/>
      <c r="S29" s="53"/>
      <c r="T29" s="54"/>
      <c r="U29" s="50"/>
      <c r="V29" s="48"/>
      <c r="W29" s="50"/>
      <c r="X29" s="55" t="s">
        <v>3</v>
      </c>
      <c r="Y29" s="55"/>
      <c r="Z29" s="55"/>
      <c r="AA29" s="55"/>
      <c r="AB29" s="56"/>
      <c r="AC29" s="56"/>
      <c r="AD29" s="56"/>
      <c r="AE29" s="56"/>
      <c r="AF29" s="56"/>
      <c r="AG29" s="56"/>
      <c r="AH29" s="56"/>
      <c r="AI29" s="56"/>
      <c r="AJ29" s="56"/>
      <c r="AK29" s="19"/>
      <c r="AL29" s="19"/>
      <c r="AM29" s="26"/>
    </row>
    <row r="30" spans="1:39" s="46" customFormat="1" ht="9.75" customHeight="1">
      <c r="A30" s="57"/>
      <c r="B30" s="58"/>
      <c r="C30" s="33"/>
      <c r="D30" s="58"/>
      <c r="E30" s="33"/>
      <c r="F30" s="34"/>
      <c r="G30" s="33"/>
      <c r="H30" s="59"/>
      <c r="I30" s="33"/>
      <c r="J30" s="59"/>
      <c r="K30" s="60"/>
      <c r="L30" s="60"/>
      <c r="M30" s="61"/>
      <c r="N30" s="186"/>
      <c r="O30" s="179"/>
      <c r="P30" s="33"/>
      <c r="Q30" s="59" t="s">
        <v>288</v>
      </c>
      <c r="R30" s="33" t="s">
        <v>30</v>
      </c>
      <c r="S30" s="62"/>
      <c r="T30" s="63" t="s">
        <v>30</v>
      </c>
      <c r="U30" s="59" t="s">
        <v>30</v>
      </c>
      <c r="V30" s="33"/>
      <c r="W30" s="59" t="s">
        <v>30</v>
      </c>
      <c r="X30" s="27"/>
      <c r="Y30" s="27"/>
      <c r="Z30" s="27"/>
      <c r="AA30" s="27"/>
      <c r="AB30" s="28"/>
      <c r="AC30" s="28"/>
      <c r="AD30" s="28"/>
      <c r="AE30" s="28"/>
      <c r="AF30" s="28"/>
      <c r="AG30" s="28"/>
      <c r="AH30" s="28"/>
      <c r="AI30" s="28"/>
      <c r="AJ30" s="28"/>
      <c r="AK30" s="29"/>
      <c r="AL30" s="29"/>
      <c r="AM30" s="30"/>
    </row>
    <row r="31" spans="1:39" s="46" customFormat="1" ht="9.75" customHeight="1">
      <c r="A31" s="57"/>
      <c r="B31" s="58"/>
      <c r="C31" s="64"/>
      <c r="D31" s="65"/>
      <c r="E31" s="64"/>
      <c r="F31" s="77"/>
      <c r="G31" s="64"/>
      <c r="H31" s="66"/>
      <c r="I31" s="64"/>
      <c r="J31" s="66"/>
      <c r="K31" s="67"/>
      <c r="L31" s="67"/>
      <c r="M31" s="68"/>
      <c r="N31" s="187"/>
      <c r="O31" s="180"/>
      <c r="P31" s="64"/>
      <c r="Q31" s="66"/>
      <c r="R31" s="64"/>
      <c r="S31" s="69"/>
      <c r="T31" s="70"/>
      <c r="U31" s="66"/>
      <c r="V31" s="64"/>
      <c r="W31" s="66"/>
      <c r="X31" s="71"/>
      <c r="Y31" s="71"/>
      <c r="Z31" s="71"/>
      <c r="AA31" s="71"/>
      <c r="AB31" s="72"/>
      <c r="AC31" s="72"/>
      <c r="AD31" s="72"/>
      <c r="AE31" s="72"/>
      <c r="AF31" s="72"/>
      <c r="AG31" s="72"/>
      <c r="AH31" s="72"/>
      <c r="AI31" s="72"/>
      <c r="AJ31" s="72"/>
      <c r="AK31" s="73"/>
      <c r="AL31" s="73"/>
      <c r="AM31" s="74"/>
    </row>
    <row r="32" spans="1:39" s="46" customFormat="1" ht="9.75" customHeight="1">
      <c r="A32" s="47"/>
      <c r="B32" s="75"/>
      <c r="C32" s="175" t="s">
        <v>52</v>
      </c>
      <c r="D32" s="178" t="s">
        <v>37</v>
      </c>
      <c r="E32" s="48"/>
      <c r="F32" s="49"/>
      <c r="G32" s="48"/>
      <c r="H32" s="50"/>
      <c r="I32" s="48"/>
      <c r="J32" s="50"/>
      <c r="K32" s="51"/>
      <c r="L32" s="51"/>
      <c r="M32" s="52"/>
      <c r="N32" s="52"/>
      <c r="O32" s="76"/>
      <c r="P32" s="48"/>
      <c r="Q32" s="50"/>
      <c r="R32" s="48"/>
      <c r="S32" s="53"/>
      <c r="T32" s="54"/>
      <c r="U32" s="50"/>
      <c r="V32" s="48"/>
      <c r="W32" s="50"/>
      <c r="X32" s="55" t="s">
        <v>3</v>
      </c>
      <c r="Y32" s="55"/>
      <c r="Z32" s="55"/>
      <c r="AA32" s="55"/>
      <c r="AB32" s="56"/>
      <c r="AC32" s="56"/>
      <c r="AD32" s="56"/>
      <c r="AE32" s="56"/>
      <c r="AF32" s="56"/>
      <c r="AG32" s="56"/>
      <c r="AH32" s="56"/>
      <c r="AI32" s="56"/>
      <c r="AJ32" s="56"/>
      <c r="AK32" s="19"/>
      <c r="AL32" s="19"/>
      <c r="AM32" s="26"/>
    </row>
    <row r="33" spans="1:39" s="46" customFormat="1" ht="9.75" customHeight="1">
      <c r="A33" s="47"/>
      <c r="B33" s="75"/>
      <c r="C33" s="176"/>
      <c r="D33" s="179"/>
      <c r="E33" s="33"/>
      <c r="F33" s="34"/>
      <c r="G33" s="33"/>
      <c r="H33" s="59" t="s">
        <v>291</v>
      </c>
      <c r="I33" s="33"/>
      <c r="J33" s="59" t="s">
        <v>30</v>
      </c>
      <c r="K33" s="60" t="s">
        <v>30</v>
      </c>
      <c r="L33" s="60" t="s">
        <v>291</v>
      </c>
      <c r="M33" s="61"/>
      <c r="N33" s="61"/>
      <c r="O33" s="58"/>
      <c r="P33" s="33"/>
      <c r="Q33" s="59"/>
      <c r="R33" s="33" t="s">
        <v>30</v>
      </c>
      <c r="S33" s="62"/>
      <c r="T33" s="63" t="s">
        <v>30</v>
      </c>
      <c r="U33" s="59" t="s">
        <v>30</v>
      </c>
      <c r="V33" s="33"/>
      <c r="W33" s="59" t="s">
        <v>30</v>
      </c>
      <c r="X33" s="27"/>
      <c r="Y33" s="27"/>
      <c r="Z33" s="27"/>
      <c r="AA33" s="27"/>
      <c r="AB33" s="28"/>
      <c r="AC33" s="28"/>
      <c r="AD33" s="28"/>
      <c r="AE33" s="28"/>
      <c r="AF33" s="28"/>
      <c r="AG33" s="28"/>
      <c r="AH33" s="28"/>
      <c r="AI33" s="28"/>
      <c r="AJ33" s="28"/>
      <c r="AK33" s="29"/>
      <c r="AL33" s="29"/>
      <c r="AM33" s="30"/>
    </row>
    <row r="34" spans="1:39" s="46" customFormat="1" ht="9.75" customHeight="1">
      <c r="A34" s="47"/>
      <c r="B34" s="75"/>
      <c r="C34" s="176"/>
      <c r="D34" s="179"/>
      <c r="E34" s="33"/>
      <c r="F34" s="34"/>
      <c r="G34" s="33"/>
      <c r="H34" s="59"/>
      <c r="I34" s="33"/>
      <c r="J34" s="59"/>
      <c r="K34" s="60"/>
      <c r="L34" s="60"/>
      <c r="M34" s="61"/>
      <c r="N34" s="61"/>
      <c r="O34" s="58"/>
      <c r="P34" s="33"/>
      <c r="Q34" s="59"/>
      <c r="R34" s="33"/>
      <c r="S34" s="62"/>
      <c r="T34" s="63"/>
      <c r="U34" s="59"/>
      <c r="V34" s="33"/>
      <c r="W34" s="59"/>
      <c r="X34" s="27"/>
      <c r="Y34" s="27"/>
      <c r="Z34" s="27"/>
      <c r="AA34" s="27"/>
      <c r="AB34" s="28"/>
      <c r="AC34" s="28"/>
      <c r="AD34" s="28"/>
      <c r="AE34" s="28"/>
      <c r="AF34" s="28"/>
      <c r="AG34" s="28"/>
      <c r="AH34" s="28"/>
      <c r="AI34" s="28"/>
      <c r="AJ34" s="28"/>
      <c r="AK34" s="29"/>
      <c r="AL34" s="29"/>
      <c r="AM34" s="30"/>
    </row>
    <row r="35" spans="1:39" s="46" customFormat="1" ht="9.75" customHeight="1">
      <c r="A35" s="47"/>
      <c r="B35" s="39"/>
      <c r="C35" s="33"/>
      <c r="D35" s="34"/>
      <c r="E35" s="175" t="s">
        <v>21</v>
      </c>
      <c r="F35" s="178" t="s">
        <v>205</v>
      </c>
      <c r="G35" s="48"/>
      <c r="H35" s="50"/>
      <c r="I35" s="48"/>
      <c r="J35" s="50"/>
      <c r="K35" s="51"/>
      <c r="L35" s="51"/>
      <c r="M35" s="52"/>
      <c r="N35" s="52"/>
      <c r="O35" s="49"/>
      <c r="P35" s="48"/>
      <c r="Q35" s="50"/>
      <c r="R35" s="48"/>
      <c r="S35" s="53"/>
      <c r="T35" s="54"/>
      <c r="U35" s="50"/>
      <c r="V35" s="48"/>
      <c r="W35" s="50"/>
      <c r="X35" s="55" t="s">
        <v>3</v>
      </c>
      <c r="Y35" s="55"/>
      <c r="Z35" s="55"/>
      <c r="AA35" s="55"/>
      <c r="AB35" s="56"/>
      <c r="AC35" s="56"/>
      <c r="AD35" s="56"/>
      <c r="AE35" s="56"/>
      <c r="AF35" s="56"/>
      <c r="AG35" s="56"/>
      <c r="AH35" s="56"/>
      <c r="AI35" s="56"/>
      <c r="AJ35" s="56"/>
      <c r="AK35" s="19"/>
      <c r="AL35" s="19"/>
      <c r="AM35" s="26"/>
    </row>
    <row r="36" spans="1:39" s="46" customFormat="1" ht="9.75" customHeight="1">
      <c r="A36" s="57"/>
      <c r="B36" s="58"/>
      <c r="C36" s="33"/>
      <c r="D36" s="34"/>
      <c r="E36" s="176"/>
      <c r="F36" s="179"/>
      <c r="G36" s="33"/>
      <c r="H36" s="59" t="s">
        <v>291</v>
      </c>
      <c r="I36" s="33"/>
      <c r="J36" s="59" t="s">
        <v>30</v>
      </c>
      <c r="K36" s="60" t="s">
        <v>30</v>
      </c>
      <c r="L36" s="60" t="s">
        <v>291</v>
      </c>
      <c r="M36" s="61"/>
      <c r="N36" s="61"/>
      <c r="O36" s="34"/>
      <c r="P36" s="33"/>
      <c r="Q36" s="59"/>
      <c r="R36" s="33" t="s">
        <v>30</v>
      </c>
      <c r="S36" s="62"/>
      <c r="T36" s="63" t="s">
        <v>30</v>
      </c>
      <c r="U36" s="59" t="s">
        <v>30</v>
      </c>
      <c r="V36" s="33"/>
      <c r="W36" s="59" t="s">
        <v>30</v>
      </c>
      <c r="X36" s="27"/>
      <c r="Y36" s="27"/>
      <c r="Z36" s="27"/>
      <c r="AA36" s="27"/>
      <c r="AB36" s="28"/>
      <c r="AC36" s="28"/>
      <c r="AD36" s="28"/>
      <c r="AE36" s="28"/>
      <c r="AF36" s="28"/>
      <c r="AG36" s="28"/>
      <c r="AH36" s="28"/>
      <c r="AI36" s="28"/>
      <c r="AJ36" s="28"/>
      <c r="AK36" s="29"/>
      <c r="AL36" s="29"/>
      <c r="AM36" s="30"/>
    </row>
    <row r="37" spans="1:39" s="46" customFormat="1" ht="9.75" customHeight="1">
      <c r="A37" s="57"/>
      <c r="B37" s="58"/>
      <c r="C37" s="64"/>
      <c r="D37" s="77"/>
      <c r="E37" s="177"/>
      <c r="F37" s="180"/>
      <c r="G37" s="64"/>
      <c r="H37" s="66"/>
      <c r="I37" s="64"/>
      <c r="J37" s="66"/>
      <c r="K37" s="67"/>
      <c r="L37" s="67"/>
      <c r="M37" s="68"/>
      <c r="N37" s="68"/>
      <c r="O37" s="77"/>
      <c r="P37" s="64"/>
      <c r="Q37" s="66"/>
      <c r="R37" s="64"/>
      <c r="S37" s="69"/>
      <c r="T37" s="70"/>
      <c r="U37" s="66"/>
      <c r="V37" s="64"/>
      <c r="W37" s="66"/>
      <c r="X37" s="71"/>
      <c r="Y37" s="71"/>
      <c r="Z37" s="71"/>
      <c r="AA37" s="71"/>
      <c r="AB37" s="72"/>
      <c r="AC37" s="72"/>
      <c r="AD37" s="72"/>
      <c r="AE37" s="72"/>
      <c r="AF37" s="72"/>
      <c r="AG37" s="72"/>
      <c r="AH37" s="72"/>
      <c r="AI37" s="72"/>
      <c r="AJ37" s="72"/>
      <c r="AK37" s="73"/>
      <c r="AL37" s="73"/>
      <c r="AM37" s="74"/>
    </row>
    <row r="38" spans="1:39" s="46" customFormat="1" ht="9.75" customHeight="1">
      <c r="A38" s="47"/>
      <c r="B38" s="75"/>
      <c r="C38" s="175" t="s">
        <v>57</v>
      </c>
      <c r="D38" s="178" t="s">
        <v>53</v>
      </c>
      <c r="E38" s="48"/>
      <c r="F38" s="49"/>
      <c r="G38" s="48"/>
      <c r="H38" s="50"/>
      <c r="I38" s="48"/>
      <c r="J38" s="50"/>
      <c r="K38" s="51"/>
      <c r="L38" s="51"/>
      <c r="M38" s="52"/>
      <c r="N38" s="52"/>
      <c r="O38" s="76"/>
      <c r="P38" s="48"/>
      <c r="Q38" s="50"/>
      <c r="R38" s="48"/>
      <c r="S38" s="53"/>
      <c r="T38" s="54"/>
      <c r="U38" s="50"/>
      <c r="V38" s="48"/>
      <c r="W38" s="50"/>
      <c r="X38" s="55" t="s">
        <v>3</v>
      </c>
      <c r="Y38" s="55"/>
      <c r="Z38" s="55"/>
      <c r="AA38" s="55"/>
      <c r="AB38" s="56"/>
      <c r="AC38" s="56"/>
      <c r="AD38" s="56"/>
      <c r="AE38" s="56"/>
      <c r="AF38" s="56"/>
      <c r="AG38" s="56"/>
      <c r="AH38" s="56"/>
      <c r="AI38" s="56"/>
      <c r="AJ38" s="56"/>
      <c r="AK38" s="19"/>
      <c r="AL38" s="19"/>
      <c r="AM38" s="26"/>
    </row>
    <row r="39" spans="1:39" s="46" customFormat="1" ht="9.75" customHeight="1">
      <c r="A39" s="47"/>
      <c r="B39" s="75"/>
      <c r="C39" s="176"/>
      <c r="D39" s="179"/>
      <c r="E39" s="33"/>
      <c r="F39" s="34"/>
      <c r="G39" s="33"/>
      <c r="H39" s="59" t="s">
        <v>292</v>
      </c>
      <c r="I39" s="33"/>
      <c r="J39" s="59" t="s">
        <v>30</v>
      </c>
      <c r="K39" s="60" t="s">
        <v>30</v>
      </c>
      <c r="L39" s="60" t="s">
        <v>292</v>
      </c>
      <c r="M39" s="61"/>
      <c r="N39" s="61"/>
      <c r="O39" s="58"/>
      <c r="P39" s="33"/>
      <c r="Q39" s="59"/>
      <c r="R39" s="33" t="s">
        <v>30</v>
      </c>
      <c r="S39" s="62"/>
      <c r="T39" s="63" t="s">
        <v>30</v>
      </c>
      <c r="U39" s="59" t="s">
        <v>30</v>
      </c>
      <c r="V39" s="33"/>
      <c r="W39" s="59" t="s">
        <v>30</v>
      </c>
      <c r="X39" s="27"/>
      <c r="Y39" s="27"/>
      <c r="Z39" s="27"/>
      <c r="AA39" s="27"/>
      <c r="AB39" s="28"/>
      <c r="AC39" s="28"/>
      <c r="AD39" s="28"/>
      <c r="AE39" s="28"/>
      <c r="AF39" s="28"/>
      <c r="AG39" s="28"/>
      <c r="AH39" s="28"/>
      <c r="AI39" s="28"/>
      <c r="AJ39" s="28"/>
      <c r="AK39" s="29"/>
      <c r="AL39" s="29"/>
      <c r="AM39" s="30"/>
    </row>
    <row r="40" spans="1:39" s="46" customFormat="1" ht="9.75" customHeight="1">
      <c r="A40" s="47"/>
      <c r="B40" s="75"/>
      <c r="C40" s="176"/>
      <c r="D40" s="179"/>
      <c r="E40" s="33"/>
      <c r="F40" s="34"/>
      <c r="G40" s="33"/>
      <c r="H40" s="59"/>
      <c r="I40" s="33"/>
      <c r="J40" s="59"/>
      <c r="K40" s="60"/>
      <c r="L40" s="60"/>
      <c r="M40" s="61"/>
      <c r="N40" s="61"/>
      <c r="O40" s="58"/>
      <c r="P40" s="33"/>
      <c r="Q40" s="59"/>
      <c r="R40" s="33"/>
      <c r="S40" s="62"/>
      <c r="T40" s="63"/>
      <c r="U40" s="59"/>
      <c r="V40" s="33"/>
      <c r="W40" s="59"/>
      <c r="X40" s="27"/>
      <c r="Y40" s="27"/>
      <c r="Z40" s="27"/>
      <c r="AA40" s="27"/>
      <c r="AB40" s="28"/>
      <c r="AC40" s="28"/>
      <c r="AD40" s="28"/>
      <c r="AE40" s="28"/>
      <c r="AF40" s="28"/>
      <c r="AG40" s="28"/>
      <c r="AH40" s="28"/>
      <c r="AI40" s="28"/>
      <c r="AJ40" s="28"/>
      <c r="AK40" s="29"/>
      <c r="AL40" s="29"/>
      <c r="AM40" s="30"/>
    </row>
    <row r="41" spans="1:39" s="46" customFormat="1" ht="9.75" customHeight="1">
      <c r="A41" s="47"/>
      <c r="B41" s="39"/>
      <c r="C41" s="33"/>
      <c r="D41" s="34"/>
      <c r="E41" s="175" t="s">
        <v>21</v>
      </c>
      <c r="F41" s="178" t="s">
        <v>53</v>
      </c>
      <c r="G41" s="48"/>
      <c r="H41" s="50"/>
      <c r="I41" s="48"/>
      <c r="J41" s="50"/>
      <c r="K41" s="51"/>
      <c r="L41" s="51"/>
      <c r="M41" s="52"/>
      <c r="N41" s="52"/>
      <c r="O41" s="49"/>
      <c r="P41" s="48"/>
      <c r="Q41" s="50"/>
      <c r="R41" s="48"/>
      <c r="S41" s="53"/>
      <c r="T41" s="54"/>
      <c r="U41" s="50"/>
      <c r="V41" s="48"/>
      <c r="W41" s="50"/>
      <c r="X41" s="55" t="s">
        <v>3</v>
      </c>
      <c r="Y41" s="55"/>
      <c r="Z41" s="55"/>
      <c r="AA41" s="55"/>
      <c r="AB41" s="56"/>
      <c r="AC41" s="56"/>
      <c r="AD41" s="56"/>
      <c r="AE41" s="56"/>
      <c r="AF41" s="56"/>
      <c r="AG41" s="56"/>
      <c r="AH41" s="56"/>
      <c r="AI41" s="56"/>
      <c r="AJ41" s="56"/>
      <c r="AK41" s="19"/>
      <c r="AL41" s="19"/>
      <c r="AM41" s="26"/>
    </row>
    <row r="42" spans="1:39" s="46" customFormat="1" ht="9.75" customHeight="1">
      <c r="A42" s="57"/>
      <c r="B42" s="58"/>
      <c r="C42" s="33"/>
      <c r="D42" s="34"/>
      <c r="E42" s="176"/>
      <c r="F42" s="179"/>
      <c r="G42" s="33"/>
      <c r="H42" s="59" t="s">
        <v>292</v>
      </c>
      <c r="I42" s="33"/>
      <c r="J42" s="59" t="s">
        <v>30</v>
      </c>
      <c r="K42" s="60" t="s">
        <v>30</v>
      </c>
      <c r="L42" s="60" t="s">
        <v>292</v>
      </c>
      <c r="M42" s="61"/>
      <c r="N42" s="61"/>
      <c r="O42" s="34"/>
      <c r="P42" s="33"/>
      <c r="Q42" s="59"/>
      <c r="R42" s="33" t="s">
        <v>30</v>
      </c>
      <c r="S42" s="62"/>
      <c r="T42" s="63" t="s">
        <v>30</v>
      </c>
      <c r="U42" s="59" t="s">
        <v>30</v>
      </c>
      <c r="V42" s="33"/>
      <c r="W42" s="59" t="s">
        <v>30</v>
      </c>
      <c r="X42" s="27"/>
      <c r="Y42" s="27"/>
      <c r="Z42" s="27"/>
      <c r="AA42" s="27"/>
      <c r="AB42" s="28"/>
      <c r="AC42" s="28"/>
      <c r="AD42" s="28"/>
      <c r="AE42" s="28"/>
      <c r="AF42" s="28"/>
      <c r="AG42" s="28"/>
      <c r="AH42" s="28"/>
      <c r="AI42" s="28"/>
      <c r="AJ42" s="28"/>
      <c r="AK42" s="29"/>
      <c r="AL42" s="29"/>
      <c r="AM42" s="30"/>
    </row>
    <row r="43" spans="1:39" s="46" customFormat="1" ht="9.75" customHeight="1">
      <c r="A43" s="57"/>
      <c r="B43" s="58"/>
      <c r="C43" s="64"/>
      <c r="D43" s="77"/>
      <c r="E43" s="177"/>
      <c r="F43" s="180"/>
      <c r="G43" s="64"/>
      <c r="H43" s="66"/>
      <c r="I43" s="64"/>
      <c r="J43" s="66"/>
      <c r="K43" s="67"/>
      <c r="L43" s="67"/>
      <c r="M43" s="68"/>
      <c r="N43" s="68"/>
      <c r="O43" s="77"/>
      <c r="P43" s="64"/>
      <c r="Q43" s="66"/>
      <c r="R43" s="64"/>
      <c r="S43" s="69"/>
      <c r="T43" s="70"/>
      <c r="U43" s="66"/>
      <c r="V43" s="64"/>
      <c r="W43" s="66"/>
      <c r="X43" s="71"/>
      <c r="Y43" s="71"/>
      <c r="Z43" s="71"/>
      <c r="AA43" s="71"/>
      <c r="AB43" s="72"/>
      <c r="AC43" s="72"/>
      <c r="AD43" s="72"/>
      <c r="AE43" s="72"/>
      <c r="AF43" s="72"/>
      <c r="AG43" s="72"/>
      <c r="AH43" s="72"/>
      <c r="AI43" s="72"/>
      <c r="AJ43" s="72"/>
      <c r="AK43" s="73"/>
      <c r="AL43" s="73"/>
      <c r="AM43" s="74"/>
    </row>
    <row r="44" spans="1:39" s="46" customFormat="1" ht="9.75" customHeight="1">
      <c r="A44" s="47"/>
      <c r="B44" s="75"/>
      <c r="C44" s="175" t="s">
        <v>293</v>
      </c>
      <c r="D44" s="178" t="s">
        <v>58</v>
      </c>
      <c r="E44" s="48"/>
      <c r="F44" s="49"/>
      <c r="G44" s="48"/>
      <c r="H44" s="50"/>
      <c r="I44" s="48"/>
      <c r="J44" s="50"/>
      <c r="K44" s="51"/>
      <c r="L44" s="51"/>
      <c r="M44" s="52"/>
      <c r="N44" s="52"/>
      <c r="O44" s="76"/>
      <c r="P44" s="48"/>
      <c r="Q44" s="50"/>
      <c r="R44" s="48"/>
      <c r="S44" s="53"/>
      <c r="T44" s="54"/>
      <c r="U44" s="50"/>
      <c r="V44" s="48"/>
      <c r="W44" s="50"/>
      <c r="X44" s="55" t="s">
        <v>3</v>
      </c>
      <c r="Y44" s="55"/>
      <c r="Z44" s="55"/>
      <c r="AA44" s="55"/>
      <c r="AB44" s="56"/>
      <c r="AC44" s="56"/>
      <c r="AD44" s="56"/>
      <c r="AE44" s="56"/>
      <c r="AF44" s="56"/>
      <c r="AG44" s="56"/>
      <c r="AH44" s="56"/>
      <c r="AI44" s="56"/>
      <c r="AJ44" s="56"/>
      <c r="AK44" s="19"/>
      <c r="AL44" s="19"/>
      <c r="AM44" s="26"/>
    </row>
    <row r="45" spans="1:39" s="46" customFormat="1" ht="9.75" customHeight="1">
      <c r="A45" s="47"/>
      <c r="B45" s="75"/>
      <c r="C45" s="176"/>
      <c r="D45" s="179"/>
      <c r="E45" s="33"/>
      <c r="F45" s="34"/>
      <c r="G45" s="33"/>
      <c r="H45" s="59" t="s">
        <v>294</v>
      </c>
      <c r="I45" s="33"/>
      <c r="J45" s="59" t="s">
        <v>30</v>
      </c>
      <c r="K45" s="60" t="s">
        <v>30</v>
      </c>
      <c r="L45" s="60" t="s">
        <v>294</v>
      </c>
      <c r="M45" s="61"/>
      <c r="N45" s="61"/>
      <c r="O45" s="58"/>
      <c r="P45" s="33"/>
      <c r="Q45" s="59"/>
      <c r="R45" s="33" t="s">
        <v>30</v>
      </c>
      <c r="S45" s="62"/>
      <c r="T45" s="63" t="s">
        <v>30</v>
      </c>
      <c r="U45" s="59" t="s">
        <v>30</v>
      </c>
      <c r="V45" s="33"/>
      <c r="W45" s="59" t="s">
        <v>30</v>
      </c>
      <c r="X45" s="27"/>
      <c r="Y45" s="27"/>
      <c r="Z45" s="27"/>
      <c r="AA45" s="27"/>
      <c r="AB45" s="28"/>
      <c r="AC45" s="28"/>
      <c r="AD45" s="28"/>
      <c r="AE45" s="28"/>
      <c r="AF45" s="28"/>
      <c r="AG45" s="28"/>
      <c r="AH45" s="28"/>
      <c r="AI45" s="28"/>
      <c r="AJ45" s="28"/>
      <c r="AK45" s="29"/>
      <c r="AL45" s="29"/>
      <c r="AM45" s="30"/>
    </row>
    <row r="46" spans="1:39" s="46" customFormat="1" ht="9.75" customHeight="1">
      <c r="A46" s="47"/>
      <c r="B46" s="75"/>
      <c r="C46" s="176"/>
      <c r="D46" s="179"/>
      <c r="E46" s="33"/>
      <c r="F46" s="34"/>
      <c r="G46" s="33"/>
      <c r="H46" s="59"/>
      <c r="I46" s="33"/>
      <c r="J46" s="59"/>
      <c r="K46" s="60"/>
      <c r="L46" s="60"/>
      <c r="M46" s="61"/>
      <c r="N46" s="61"/>
      <c r="O46" s="58"/>
      <c r="P46" s="33"/>
      <c r="Q46" s="59"/>
      <c r="R46" s="33"/>
      <c r="S46" s="62"/>
      <c r="T46" s="63"/>
      <c r="U46" s="59"/>
      <c r="V46" s="33"/>
      <c r="W46" s="59"/>
      <c r="X46" s="27"/>
      <c r="Y46" s="27"/>
      <c r="Z46" s="27"/>
      <c r="AA46" s="27"/>
      <c r="AB46" s="28"/>
      <c r="AC46" s="28"/>
      <c r="AD46" s="28"/>
      <c r="AE46" s="28"/>
      <c r="AF46" s="28"/>
      <c r="AG46" s="28"/>
      <c r="AH46" s="28"/>
      <c r="AI46" s="28"/>
      <c r="AJ46" s="28"/>
      <c r="AK46" s="29"/>
      <c r="AL46" s="29"/>
      <c r="AM46" s="30"/>
    </row>
    <row r="47" spans="1:39" s="46" customFormat="1" ht="9.75" customHeight="1">
      <c r="A47" s="47"/>
      <c r="B47" s="39"/>
      <c r="C47" s="33"/>
      <c r="D47" s="34"/>
      <c r="E47" s="175" t="s">
        <v>21</v>
      </c>
      <c r="F47" s="178" t="s">
        <v>61</v>
      </c>
      <c r="G47" s="48"/>
      <c r="H47" s="50"/>
      <c r="I47" s="48"/>
      <c r="J47" s="50"/>
      <c r="K47" s="51"/>
      <c r="L47" s="51"/>
      <c r="M47" s="52"/>
      <c r="N47" s="52"/>
      <c r="O47" s="49"/>
      <c r="P47" s="48"/>
      <c r="Q47" s="50"/>
      <c r="R47" s="48"/>
      <c r="S47" s="53"/>
      <c r="T47" s="54"/>
      <c r="U47" s="50"/>
      <c r="V47" s="48"/>
      <c r="W47" s="50"/>
      <c r="X47" s="55" t="s">
        <v>3</v>
      </c>
      <c r="Y47" s="55"/>
      <c r="Z47" s="55"/>
      <c r="AA47" s="55"/>
      <c r="AB47" s="56"/>
      <c r="AC47" s="56"/>
      <c r="AD47" s="56"/>
      <c r="AE47" s="56"/>
      <c r="AF47" s="56"/>
      <c r="AG47" s="56"/>
      <c r="AH47" s="56"/>
      <c r="AI47" s="56"/>
      <c r="AJ47" s="56"/>
      <c r="AK47" s="19"/>
      <c r="AL47" s="19"/>
      <c r="AM47" s="26"/>
    </row>
    <row r="48" spans="1:39" s="46" customFormat="1" ht="9.75" customHeight="1">
      <c r="A48" s="57"/>
      <c r="B48" s="58"/>
      <c r="C48" s="33"/>
      <c r="D48" s="34"/>
      <c r="E48" s="176"/>
      <c r="F48" s="179"/>
      <c r="G48" s="33"/>
      <c r="H48" s="59" t="s">
        <v>292</v>
      </c>
      <c r="I48" s="33"/>
      <c r="J48" s="59" t="s">
        <v>30</v>
      </c>
      <c r="K48" s="60" t="s">
        <v>30</v>
      </c>
      <c r="L48" s="60" t="s">
        <v>292</v>
      </c>
      <c r="M48" s="61"/>
      <c r="N48" s="61"/>
      <c r="O48" s="34"/>
      <c r="P48" s="33"/>
      <c r="Q48" s="59"/>
      <c r="R48" s="33" t="s">
        <v>30</v>
      </c>
      <c r="S48" s="62"/>
      <c r="T48" s="63" t="s">
        <v>30</v>
      </c>
      <c r="U48" s="59" t="s">
        <v>30</v>
      </c>
      <c r="V48" s="33"/>
      <c r="W48" s="59" t="s">
        <v>30</v>
      </c>
      <c r="X48" s="27"/>
      <c r="Y48" s="27"/>
      <c r="Z48" s="27"/>
      <c r="AA48" s="27"/>
      <c r="AB48" s="28"/>
      <c r="AC48" s="28"/>
      <c r="AD48" s="28"/>
      <c r="AE48" s="28"/>
      <c r="AF48" s="28"/>
      <c r="AG48" s="28"/>
      <c r="AH48" s="28"/>
      <c r="AI48" s="28"/>
      <c r="AJ48" s="28"/>
      <c r="AK48" s="29"/>
      <c r="AL48" s="29"/>
      <c r="AM48" s="30"/>
    </row>
    <row r="49" spans="1:39" s="46" customFormat="1" ht="9.75" customHeight="1">
      <c r="A49" s="57"/>
      <c r="B49" s="58"/>
      <c r="C49" s="33"/>
      <c r="D49" s="34"/>
      <c r="E49" s="177"/>
      <c r="F49" s="180"/>
      <c r="G49" s="33"/>
      <c r="H49" s="59"/>
      <c r="I49" s="33"/>
      <c r="J49" s="59"/>
      <c r="K49" s="60"/>
      <c r="L49" s="60"/>
      <c r="M49" s="61"/>
      <c r="N49" s="61"/>
      <c r="O49" s="34"/>
      <c r="P49" s="33"/>
      <c r="Q49" s="59"/>
      <c r="R49" s="33"/>
      <c r="S49" s="62"/>
      <c r="T49" s="63"/>
      <c r="U49" s="59"/>
      <c r="V49" s="33"/>
      <c r="W49" s="59"/>
      <c r="X49" s="27"/>
      <c r="Y49" s="27"/>
      <c r="Z49" s="27"/>
      <c r="AA49" s="27"/>
      <c r="AB49" s="28"/>
      <c r="AC49" s="28"/>
      <c r="AD49" s="28"/>
      <c r="AE49" s="28"/>
      <c r="AF49" s="28"/>
      <c r="AG49" s="28"/>
      <c r="AH49" s="28"/>
      <c r="AI49" s="28"/>
      <c r="AJ49" s="28"/>
      <c r="AK49" s="29"/>
      <c r="AL49" s="29"/>
      <c r="AM49" s="30"/>
    </row>
    <row r="50" spans="1:39" s="46" customFormat="1" ht="9.75" customHeight="1">
      <c r="A50" s="47"/>
      <c r="B50" s="75"/>
      <c r="C50" s="33"/>
      <c r="D50" s="34"/>
      <c r="E50" s="175" t="s">
        <v>36</v>
      </c>
      <c r="F50" s="178" t="s">
        <v>63</v>
      </c>
      <c r="G50" s="48"/>
      <c r="H50" s="50"/>
      <c r="I50" s="48"/>
      <c r="J50" s="50"/>
      <c r="K50" s="51"/>
      <c r="L50" s="51"/>
      <c r="M50" s="52"/>
      <c r="N50" s="52"/>
      <c r="O50" s="76"/>
      <c r="P50" s="48"/>
      <c r="Q50" s="50"/>
      <c r="R50" s="48"/>
      <c r="S50" s="53"/>
      <c r="T50" s="54"/>
      <c r="U50" s="50"/>
      <c r="V50" s="48"/>
      <c r="W50" s="50"/>
      <c r="X50" s="55" t="s">
        <v>3</v>
      </c>
      <c r="Y50" s="55"/>
      <c r="Z50" s="55"/>
      <c r="AA50" s="55"/>
      <c r="AB50" s="56"/>
      <c r="AC50" s="56"/>
      <c r="AD50" s="56"/>
      <c r="AE50" s="56"/>
      <c r="AF50" s="56"/>
      <c r="AG50" s="56"/>
      <c r="AH50" s="56"/>
      <c r="AI50" s="56"/>
      <c r="AJ50" s="56"/>
      <c r="AK50" s="19"/>
      <c r="AL50" s="19"/>
      <c r="AM50" s="26"/>
    </row>
    <row r="51" spans="1:39" s="46" customFormat="1" ht="9.75" customHeight="1">
      <c r="A51" s="47"/>
      <c r="B51" s="75"/>
      <c r="C51" s="33"/>
      <c r="D51" s="34"/>
      <c r="E51" s="176"/>
      <c r="F51" s="179"/>
      <c r="G51" s="33"/>
      <c r="H51" s="59" t="s">
        <v>292</v>
      </c>
      <c r="I51" s="33"/>
      <c r="J51" s="59" t="s">
        <v>30</v>
      </c>
      <c r="K51" s="60" t="s">
        <v>30</v>
      </c>
      <c r="L51" s="60" t="s">
        <v>292</v>
      </c>
      <c r="M51" s="61"/>
      <c r="N51" s="61"/>
      <c r="O51" s="58"/>
      <c r="P51" s="33"/>
      <c r="Q51" s="59"/>
      <c r="R51" s="33" t="s">
        <v>30</v>
      </c>
      <c r="S51" s="62"/>
      <c r="T51" s="63" t="s">
        <v>30</v>
      </c>
      <c r="U51" s="59" t="s">
        <v>30</v>
      </c>
      <c r="V51" s="33"/>
      <c r="W51" s="59" t="s">
        <v>30</v>
      </c>
      <c r="X51" s="27"/>
      <c r="Y51" s="27"/>
      <c r="Z51" s="27"/>
      <c r="AA51" s="27"/>
      <c r="AB51" s="28"/>
      <c r="AC51" s="28"/>
      <c r="AD51" s="28"/>
      <c r="AE51" s="28"/>
      <c r="AF51" s="28"/>
      <c r="AG51" s="28"/>
      <c r="AH51" s="28"/>
      <c r="AI51" s="28"/>
      <c r="AJ51" s="28"/>
      <c r="AK51" s="29"/>
      <c r="AL51" s="29"/>
      <c r="AM51" s="30"/>
    </row>
    <row r="52" spans="1:39" s="46" customFormat="1" ht="9.75" customHeight="1">
      <c r="A52" s="78"/>
      <c r="B52" s="79"/>
      <c r="C52" s="64"/>
      <c r="D52" s="77"/>
      <c r="E52" s="177"/>
      <c r="F52" s="180"/>
      <c r="G52" s="64"/>
      <c r="H52" s="66"/>
      <c r="I52" s="64"/>
      <c r="J52" s="66"/>
      <c r="K52" s="67"/>
      <c r="L52" s="67"/>
      <c r="M52" s="68"/>
      <c r="N52" s="68"/>
      <c r="O52" s="65"/>
      <c r="P52" s="64"/>
      <c r="Q52" s="66"/>
      <c r="R52" s="64"/>
      <c r="S52" s="69"/>
      <c r="T52" s="70"/>
      <c r="U52" s="66"/>
      <c r="V52" s="64"/>
      <c r="W52" s="66"/>
      <c r="X52" s="71"/>
      <c r="Y52" s="71"/>
      <c r="Z52" s="71"/>
      <c r="AA52" s="71"/>
      <c r="AB52" s="72"/>
      <c r="AC52" s="72"/>
      <c r="AD52" s="72"/>
      <c r="AE52" s="72"/>
      <c r="AF52" s="72"/>
      <c r="AG52" s="72"/>
      <c r="AH52" s="72"/>
      <c r="AI52" s="72"/>
      <c r="AJ52" s="72"/>
      <c r="AK52" s="73"/>
      <c r="AL52" s="73"/>
      <c r="AM52" s="74"/>
    </row>
    <row r="53" spans="1:39" s="46" customFormat="1" ht="9.75" customHeight="1">
      <c r="A53" s="80"/>
      <c r="B53" s="81"/>
      <c r="C53" s="81"/>
      <c r="D53" s="81"/>
      <c r="E53" s="81"/>
      <c r="F53" s="81"/>
      <c r="G53" s="82"/>
      <c r="H53" s="83"/>
      <c r="I53" s="82"/>
      <c r="J53" s="83"/>
      <c r="K53" s="84"/>
      <c r="L53" s="84"/>
      <c r="M53" s="85"/>
      <c r="N53" s="85"/>
      <c r="O53" s="86"/>
      <c r="P53" s="82"/>
      <c r="Q53" s="83"/>
      <c r="R53" s="82"/>
      <c r="S53" s="87"/>
      <c r="T53" s="88"/>
      <c r="U53" s="83"/>
      <c r="V53" s="82"/>
      <c r="W53" s="83"/>
      <c r="X53" s="89" t="s">
        <v>3</v>
      </c>
      <c r="Y53" s="89"/>
      <c r="Z53" s="89"/>
      <c r="AA53" s="89"/>
      <c r="AB53" s="90"/>
      <c r="AC53" s="90"/>
      <c r="AD53" s="90"/>
      <c r="AE53" s="90"/>
      <c r="AF53" s="90"/>
      <c r="AG53" s="90"/>
      <c r="AH53" s="90"/>
      <c r="AI53" s="90"/>
      <c r="AJ53" s="90"/>
      <c r="AK53" s="91"/>
      <c r="AL53" s="91"/>
      <c r="AM53" s="92"/>
    </row>
    <row r="54" spans="1:39" s="46" customFormat="1" ht="9.75" customHeight="1">
      <c r="A54" s="181" t="s">
        <v>65</v>
      </c>
      <c r="B54" s="182"/>
      <c r="C54" s="183"/>
      <c r="D54" s="183"/>
      <c r="E54" s="183"/>
      <c r="F54" s="184"/>
      <c r="G54" s="35"/>
      <c r="H54" s="36" t="s">
        <v>281</v>
      </c>
      <c r="I54" s="35" t="s">
        <v>133</v>
      </c>
      <c r="J54" s="36" t="s">
        <v>282</v>
      </c>
      <c r="K54" s="37" t="s">
        <v>30</v>
      </c>
      <c r="L54" s="37" t="s">
        <v>283</v>
      </c>
      <c r="M54" s="38"/>
      <c r="N54" s="38"/>
      <c r="O54" s="39"/>
      <c r="P54" s="35"/>
      <c r="Q54" s="36"/>
      <c r="R54" s="35" t="s">
        <v>284</v>
      </c>
      <c r="S54" s="40"/>
      <c r="T54" s="41" t="s">
        <v>284</v>
      </c>
      <c r="U54" s="36" t="s">
        <v>30</v>
      </c>
      <c r="V54" s="35"/>
      <c r="W54" s="36" t="s">
        <v>30</v>
      </c>
      <c r="X54" s="42"/>
      <c r="Y54" s="42"/>
      <c r="Z54" s="42"/>
      <c r="AA54" s="42"/>
      <c r="AB54" s="43"/>
      <c r="AC54" s="43"/>
      <c r="AD54" s="43"/>
      <c r="AE54" s="43"/>
      <c r="AF54" s="43"/>
      <c r="AG54" s="43"/>
      <c r="AH54" s="43"/>
      <c r="AI54" s="43"/>
      <c r="AJ54" s="43"/>
      <c r="AK54" s="44"/>
      <c r="AL54" s="44"/>
      <c r="AM54" s="45"/>
    </row>
    <row r="55" spans="1:39" s="46" customFormat="1" ht="9.75" customHeight="1">
      <c r="A55" s="93"/>
      <c r="B55" s="94"/>
      <c r="C55" s="94"/>
      <c r="D55" s="94"/>
      <c r="E55" s="94"/>
      <c r="F55" s="94"/>
      <c r="G55" s="95"/>
      <c r="H55" s="96"/>
      <c r="I55" s="95"/>
      <c r="J55" s="96"/>
      <c r="K55" s="97"/>
      <c r="L55" s="97"/>
      <c r="M55" s="98"/>
      <c r="N55" s="98"/>
      <c r="O55" s="99"/>
      <c r="P55" s="95"/>
      <c r="Q55" s="96"/>
      <c r="R55" s="95"/>
      <c r="S55" s="100"/>
      <c r="T55" s="101"/>
      <c r="U55" s="96"/>
      <c r="V55" s="95"/>
      <c r="W55" s="96"/>
      <c r="X55" s="102"/>
      <c r="Y55" s="102"/>
      <c r="Z55" s="102"/>
      <c r="AA55" s="102"/>
      <c r="AB55" s="103"/>
      <c r="AC55" s="103"/>
      <c r="AD55" s="103"/>
      <c r="AE55" s="103"/>
      <c r="AF55" s="103"/>
      <c r="AG55" s="103"/>
      <c r="AH55" s="103"/>
      <c r="AI55" s="103"/>
      <c r="AJ55" s="103"/>
      <c r="AK55" s="104"/>
      <c r="AL55" s="104"/>
      <c r="AM55" s="155"/>
    </row>
    <row r="56" spans="1:39" ht="9.75" customHeight="1">
      <c r="A56" s="105"/>
      <c r="B56" s="106"/>
      <c r="C56" s="106"/>
      <c r="D56" s="106"/>
      <c r="E56" s="106"/>
      <c r="F56" s="106"/>
      <c r="G56" s="106"/>
      <c r="H56" s="106"/>
      <c r="I56" s="106"/>
      <c r="J56" s="106"/>
      <c r="K56" s="106"/>
      <c r="L56" s="106"/>
      <c r="M56" s="106"/>
      <c r="N56" s="106"/>
      <c r="O56" s="106"/>
      <c r="P56" s="106"/>
      <c r="Q56" s="106"/>
      <c r="R56" s="106"/>
      <c r="S56" s="106"/>
      <c r="T56" s="106"/>
      <c r="U56" s="106"/>
      <c r="V56" s="106"/>
      <c r="W56" s="106"/>
      <c r="X56" s="107"/>
      <c r="Y56" s="107"/>
      <c r="Z56" s="107"/>
      <c r="AA56" s="107"/>
      <c r="AB56" s="107"/>
      <c r="AC56" s="107"/>
      <c r="AD56" s="107"/>
      <c r="AE56" s="107"/>
      <c r="AF56" s="107"/>
      <c r="AG56" s="107"/>
      <c r="AH56" s="107"/>
      <c r="AI56" s="107"/>
      <c r="AJ56" s="107"/>
      <c r="AK56" s="107"/>
      <c r="AL56" s="107"/>
      <c r="AM56" s="108"/>
    </row>
    <row r="57" spans="1:39" ht="9.75" customHeight="1">
      <c r="A57" s="109"/>
      <c r="B57" s="110"/>
      <c r="C57" s="110"/>
      <c r="D57" s="110"/>
      <c r="E57" s="110"/>
      <c r="F57" s="110"/>
      <c r="G57" s="110"/>
      <c r="H57" s="110"/>
      <c r="I57" s="110"/>
      <c r="J57" s="110"/>
      <c r="K57" s="110"/>
      <c r="L57" s="110"/>
      <c r="M57" s="110"/>
      <c r="N57" s="110"/>
      <c r="O57" s="110"/>
      <c r="P57" s="110"/>
      <c r="Q57" s="110"/>
      <c r="R57" s="110"/>
      <c r="S57" s="110"/>
      <c r="T57" s="110"/>
      <c r="U57" s="110"/>
      <c r="V57" s="110"/>
      <c r="W57" s="110"/>
      <c r="X57" s="110"/>
      <c r="Y57" s="110"/>
      <c r="Z57" s="110"/>
      <c r="AA57" s="110"/>
      <c r="AB57" s="110"/>
      <c r="AC57" s="110"/>
      <c r="AD57" s="110"/>
      <c r="AE57" s="110"/>
      <c r="AF57" s="110"/>
      <c r="AG57" s="110"/>
      <c r="AH57" s="110"/>
      <c r="AI57" s="110"/>
      <c r="AJ57" s="110"/>
      <c r="AK57" s="110"/>
      <c r="AL57" s="110"/>
      <c r="AM57" s="111"/>
    </row>
    <row r="58" spans="1:39" ht="9.75" customHeight="1">
      <c r="A58" s="109"/>
      <c r="B58" s="110"/>
      <c r="C58" s="110"/>
      <c r="D58" s="110"/>
      <c r="E58" s="110"/>
      <c r="F58" s="110"/>
      <c r="G58" s="110"/>
      <c r="H58" s="110"/>
      <c r="I58" s="110"/>
      <c r="J58" s="110"/>
      <c r="K58" s="110"/>
      <c r="L58" s="110"/>
      <c r="M58" s="110"/>
      <c r="N58" s="110"/>
      <c r="O58" s="110"/>
      <c r="P58" s="110"/>
      <c r="Q58" s="110"/>
      <c r="R58" s="110"/>
      <c r="S58" s="110"/>
      <c r="T58" s="110"/>
      <c r="U58" s="110"/>
      <c r="V58" s="110"/>
      <c r="W58" s="110"/>
      <c r="X58" s="110"/>
      <c r="Y58" s="110"/>
      <c r="Z58" s="110"/>
      <c r="AA58" s="110"/>
      <c r="AB58" s="110"/>
      <c r="AC58" s="110"/>
      <c r="AD58" s="110"/>
      <c r="AE58" s="110"/>
      <c r="AF58" s="110"/>
      <c r="AG58" s="110"/>
      <c r="AH58" s="110"/>
      <c r="AI58" s="110"/>
      <c r="AJ58" s="110"/>
      <c r="AK58" s="110"/>
      <c r="AL58" s="110"/>
      <c r="AM58" s="111"/>
    </row>
    <row r="59" spans="1:39" ht="9.75" customHeight="1">
      <c r="A59" s="109"/>
      <c r="B59" s="110"/>
      <c r="C59" s="110"/>
      <c r="D59" s="110"/>
      <c r="E59" s="110"/>
      <c r="F59" s="110"/>
      <c r="G59" s="110"/>
      <c r="H59" s="110"/>
      <c r="I59" s="110"/>
      <c r="J59" s="110"/>
      <c r="K59" s="110"/>
      <c r="L59" s="110"/>
      <c r="M59" s="110"/>
      <c r="N59" s="110"/>
      <c r="O59" s="110"/>
      <c r="P59" s="110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1"/>
    </row>
    <row r="60" spans="1:39" ht="9.75" customHeight="1">
      <c r="A60" s="109"/>
      <c r="B60" s="110"/>
      <c r="C60" s="110"/>
      <c r="D60" s="110"/>
      <c r="E60" s="110"/>
      <c r="F60" s="110"/>
      <c r="G60" s="110"/>
      <c r="H60" s="110"/>
      <c r="I60" s="110"/>
      <c r="J60" s="110"/>
      <c r="K60" s="110"/>
      <c r="L60" s="110"/>
      <c r="M60" s="110"/>
      <c r="N60" s="110"/>
      <c r="O60" s="110"/>
      <c r="P60" s="110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1"/>
    </row>
    <row r="61" spans="1:39" ht="9.75" customHeight="1">
      <c r="A61" s="109"/>
      <c r="B61" s="110"/>
      <c r="C61" s="110"/>
      <c r="D61" s="110"/>
      <c r="E61" s="110"/>
      <c r="F61" s="110"/>
      <c r="G61" s="110"/>
      <c r="H61" s="110"/>
      <c r="I61" s="110"/>
      <c r="J61" s="110"/>
      <c r="K61" s="110"/>
      <c r="L61" s="110"/>
      <c r="M61" s="110"/>
      <c r="N61" s="110"/>
      <c r="O61" s="110"/>
      <c r="P61" s="110"/>
      <c r="Q61" s="110"/>
      <c r="R61" s="110"/>
      <c r="S61" s="110"/>
      <c r="T61" s="110"/>
      <c r="U61" s="110"/>
      <c r="V61" s="110"/>
      <c r="W61" s="110"/>
      <c r="X61" s="110"/>
      <c r="Y61" s="110"/>
      <c r="Z61" s="110"/>
      <c r="AA61" s="110"/>
      <c r="AB61" s="110"/>
      <c r="AC61" s="110"/>
      <c r="AD61" s="110"/>
      <c r="AE61" s="110"/>
      <c r="AF61" s="110"/>
      <c r="AG61" s="110"/>
      <c r="AH61" s="110"/>
      <c r="AI61" s="110"/>
      <c r="AJ61" s="110"/>
      <c r="AK61" s="110"/>
      <c r="AL61" s="110"/>
      <c r="AM61" s="111"/>
    </row>
    <row r="62" spans="1:39" ht="9.75" customHeight="1">
      <c r="A62" s="109"/>
      <c r="B62" s="110"/>
      <c r="C62" s="110"/>
      <c r="D62" s="110"/>
      <c r="E62" s="110"/>
      <c r="F62" s="110"/>
      <c r="G62" s="110"/>
      <c r="H62" s="110"/>
      <c r="I62" s="110"/>
      <c r="J62" s="110"/>
      <c r="K62" s="110"/>
      <c r="L62" s="110"/>
      <c r="M62" s="110"/>
      <c r="N62" s="110"/>
      <c r="O62" s="110"/>
      <c r="P62" s="110"/>
      <c r="Q62" s="110"/>
      <c r="R62" s="110"/>
      <c r="S62" s="110"/>
      <c r="T62" s="110"/>
      <c r="U62" s="110"/>
      <c r="V62" s="110"/>
      <c r="W62" s="110"/>
      <c r="X62" s="110"/>
      <c r="Y62" s="110"/>
      <c r="Z62" s="110"/>
      <c r="AA62" s="110"/>
      <c r="AB62" s="110"/>
      <c r="AC62" s="110"/>
      <c r="AD62" s="110"/>
      <c r="AE62" s="110"/>
      <c r="AF62" s="110"/>
      <c r="AG62" s="110"/>
      <c r="AH62" s="110"/>
      <c r="AI62" s="110"/>
      <c r="AJ62" s="110"/>
      <c r="AK62" s="110"/>
      <c r="AL62" s="110"/>
      <c r="AM62" s="111"/>
    </row>
    <row r="63" spans="1:39" ht="9.75" customHeight="1">
      <c r="A63" s="109"/>
      <c r="B63" s="110"/>
      <c r="C63" s="110"/>
      <c r="D63" s="110"/>
      <c r="E63" s="110"/>
      <c r="F63" s="110"/>
      <c r="G63" s="110"/>
      <c r="H63" s="110"/>
      <c r="I63" s="110"/>
      <c r="J63" s="110"/>
      <c r="K63" s="110"/>
      <c r="L63" s="110"/>
      <c r="M63" s="110"/>
      <c r="N63" s="110"/>
      <c r="O63" s="110"/>
      <c r="P63" s="110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1"/>
    </row>
    <row r="64" spans="1:39" ht="9.75" customHeight="1">
      <c r="A64" s="109"/>
      <c r="B64" s="110"/>
      <c r="C64" s="110"/>
      <c r="D64" s="110"/>
      <c r="E64" s="110"/>
      <c r="F64" s="110"/>
      <c r="G64" s="110"/>
      <c r="H64" s="110"/>
      <c r="I64" s="110"/>
      <c r="J64" s="110"/>
      <c r="K64" s="110"/>
      <c r="L64" s="110"/>
      <c r="M64" s="110"/>
      <c r="N64" s="110"/>
      <c r="O64" s="110"/>
      <c r="P64" s="110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1"/>
    </row>
    <row r="65" spans="1:39" ht="9.75" customHeight="1">
      <c r="A65" s="109"/>
      <c r="B65" s="110"/>
      <c r="C65" s="110"/>
      <c r="D65" s="110"/>
      <c r="E65" s="110"/>
      <c r="F65" s="110"/>
      <c r="G65" s="110"/>
      <c r="H65" s="110"/>
      <c r="I65" s="110"/>
      <c r="J65" s="110"/>
      <c r="K65" s="110"/>
      <c r="L65" s="110"/>
      <c r="M65" s="110"/>
      <c r="N65" s="110"/>
      <c r="O65" s="110"/>
      <c r="P65" s="110"/>
      <c r="Q65" s="110"/>
      <c r="R65" s="110"/>
      <c r="S65" s="110"/>
      <c r="T65" s="110"/>
      <c r="U65" s="110"/>
      <c r="V65" s="110"/>
      <c r="W65" s="110"/>
      <c r="X65" s="110"/>
      <c r="Y65" s="110"/>
      <c r="Z65" s="110"/>
      <c r="AA65" s="110"/>
      <c r="AB65" s="110"/>
      <c r="AC65" s="110"/>
      <c r="AD65" s="110"/>
      <c r="AE65" s="110"/>
      <c r="AF65" s="110"/>
      <c r="AG65" s="110"/>
      <c r="AH65" s="110"/>
      <c r="AI65" s="110"/>
      <c r="AJ65" s="110"/>
      <c r="AK65" s="110"/>
      <c r="AL65" s="110"/>
      <c r="AM65" s="111"/>
    </row>
    <row r="66" spans="1:39" ht="9.75" customHeight="1">
      <c r="A66" s="109"/>
      <c r="B66" s="110"/>
      <c r="C66" s="110"/>
      <c r="D66" s="110"/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  <c r="AE66" s="110"/>
      <c r="AF66" s="110"/>
      <c r="AG66" s="110"/>
      <c r="AH66" s="110"/>
      <c r="AI66" s="110"/>
      <c r="AJ66" s="110"/>
      <c r="AK66" s="110"/>
      <c r="AL66" s="110"/>
      <c r="AM66" s="111"/>
    </row>
    <row r="67" spans="1:39" ht="9.75" customHeight="1">
      <c r="A67" s="109"/>
      <c r="B67" s="110"/>
      <c r="C67" s="110"/>
      <c r="D67" s="110"/>
      <c r="E67" s="110"/>
      <c r="F67" s="110"/>
      <c r="G67" s="110"/>
      <c r="H67" s="110"/>
      <c r="I67" s="110"/>
      <c r="J67" s="110"/>
      <c r="K67" s="110"/>
      <c r="L67" s="110"/>
      <c r="M67" s="110"/>
      <c r="N67" s="110"/>
      <c r="O67" s="110"/>
      <c r="P67" s="110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1"/>
    </row>
    <row r="68" spans="1:39" ht="9.75" customHeight="1">
      <c r="A68" s="109"/>
      <c r="B68" s="110"/>
      <c r="C68" s="110"/>
      <c r="D68" s="110"/>
      <c r="E68" s="110"/>
      <c r="F68" s="110"/>
      <c r="G68" s="110"/>
      <c r="H68" s="110"/>
      <c r="I68" s="110"/>
      <c r="J68" s="110"/>
      <c r="K68" s="110"/>
      <c r="L68" s="110"/>
      <c r="M68" s="110"/>
      <c r="N68" s="110"/>
      <c r="O68" s="110"/>
      <c r="P68" s="110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1"/>
    </row>
    <row r="69" spans="1:39" ht="9.75" customHeight="1">
      <c r="A69" s="109"/>
      <c r="B69" s="110"/>
      <c r="C69" s="110"/>
      <c r="D69" s="110"/>
      <c r="E69" s="110"/>
      <c r="F69" s="110"/>
      <c r="G69" s="110"/>
      <c r="H69" s="110"/>
      <c r="I69" s="110"/>
      <c r="J69" s="110"/>
      <c r="K69" s="110"/>
      <c r="L69" s="110"/>
      <c r="M69" s="110"/>
      <c r="N69" s="110"/>
      <c r="O69" s="110"/>
      <c r="P69" s="110"/>
      <c r="Q69" s="110"/>
      <c r="R69" s="110"/>
      <c r="S69" s="110"/>
      <c r="T69" s="110"/>
      <c r="U69" s="110"/>
      <c r="V69" s="110"/>
      <c r="W69" s="110"/>
      <c r="X69" s="110"/>
      <c r="Y69" s="110"/>
      <c r="Z69" s="110"/>
      <c r="AA69" s="110"/>
      <c r="AB69" s="110"/>
      <c r="AC69" s="110"/>
      <c r="AD69" s="110"/>
      <c r="AE69" s="110"/>
      <c r="AF69" s="110"/>
      <c r="AG69" s="110"/>
      <c r="AH69" s="110"/>
      <c r="AI69" s="110"/>
      <c r="AJ69" s="110"/>
      <c r="AK69" s="110"/>
      <c r="AL69" s="110"/>
      <c r="AM69" s="111"/>
    </row>
    <row r="70" spans="1:39" ht="9.75" customHeight="1">
      <c r="A70" s="109"/>
      <c r="B70" s="110"/>
      <c r="C70" s="110"/>
      <c r="D70" s="110"/>
      <c r="E70" s="110"/>
      <c r="F70" s="110"/>
      <c r="G70" s="110"/>
      <c r="H70" s="110"/>
      <c r="I70" s="110"/>
      <c r="J70" s="110"/>
      <c r="K70" s="110"/>
      <c r="L70" s="110"/>
      <c r="M70" s="110"/>
      <c r="N70" s="110"/>
      <c r="O70" s="110"/>
      <c r="P70" s="110"/>
      <c r="Q70" s="110"/>
      <c r="R70" s="110"/>
      <c r="S70" s="110"/>
      <c r="T70" s="110"/>
      <c r="U70" s="110"/>
      <c r="V70" s="110"/>
      <c r="W70" s="110"/>
      <c r="X70" s="110"/>
      <c r="Y70" s="110"/>
      <c r="Z70" s="110"/>
      <c r="AA70" s="110"/>
      <c r="AB70" s="110"/>
      <c r="AC70" s="110"/>
      <c r="AD70" s="110"/>
      <c r="AE70" s="110"/>
      <c r="AF70" s="110"/>
      <c r="AG70" s="110"/>
      <c r="AH70" s="110"/>
      <c r="AI70" s="110"/>
      <c r="AJ70" s="110"/>
      <c r="AK70" s="110"/>
      <c r="AL70" s="110"/>
      <c r="AM70" s="111"/>
    </row>
    <row r="71" spans="1:39" ht="9.75" customHeight="1">
      <c r="A71" s="109"/>
      <c r="B71" s="110"/>
      <c r="C71" s="110"/>
      <c r="D71" s="110"/>
      <c r="E71" s="110"/>
      <c r="F71" s="110"/>
      <c r="G71" s="110"/>
      <c r="H71" s="110"/>
      <c r="I71" s="110"/>
      <c r="J71" s="110"/>
      <c r="K71" s="110"/>
      <c r="L71" s="110"/>
      <c r="M71" s="110"/>
      <c r="N71" s="110"/>
      <c r="O71" s="110"/>
      <c r="P71" s="110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1"/>
    </row>
    <row r="72" spans="1:39" ht="9.75" customHeight="1">
      <c r="A72" s="109"/>
      <c r="B72" s="110"/>
      <c r="C72" s="110"/>
      <c r="D72" s="110"/>
      <c r="E72" s="110"/>
      <c r="F72" s="110"/>
      <c r="G72" s="110"/>
      <c r="H72" s="110"/>
      <c r="I72" s="110"/>
      <c r="J72" s="110"/>
      <c r="K72" s="110"/>
      <c r="L72" s="110"/>
      <c r="M72" s="110"/>
      <c r="N72" s="110"/>
      <c r="O72" s="110"/>
      <c r="P72" s="110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1"/>
    </row>
    <row r="73" spans="1:39" ht="9.75" customHeight="1">
      <c r="A73" s="109"/>
      <c r="B73" s="110"/>
      <c r="C73" s="110"/>
      <c r="D73" s="110"/>
      <c r="E73" s="110"/>
      <c r="F73" s="110"/>
      <c r="G73" s="110"/>
      <c r="H73" s="110"/>
      <c r="I73" s="110"/>
      <c r="J73" s="110"/>
      <c r="K73" s="110"/>
      <c r="L73" s="110"/>
      <c r="M73" s="110"/>
      <c r="N73" s="110"/>
      <c r="O73" s="110"/>
      <c r="P73" s="110"/>
      <c r="Q73" s="110"/>
      <c r="R73" s="110"/>
      <c r="S73" s="110"/>
      <c r="T73" s="110"/>
      <c r="U73" s="110"/>
      <c r="V73" s="110"/>
      <c r="W73" s="110"/>
      <c r="X73" s="110"/>
      <c r="Y73" s="110"/>
      <c r="Z73" s="110"/>
      <c r="AA73" s="110"/>
      <c r="AB73" s="110"/>
      <c r="AC73" s="110"/>
      <c r="AD73" s="110"/>
      <c r="AE73" s="110"/>
      <c r="AF73" s="110"/>
      <c r="AG73" s="110"/>
      <c r="AH73" s="110"/>
      <c r="AI73" s="110"/>
      <c r="AJ73" s="110"/>
      <c r="AK73" s="110"/>
      <c r="AL73" s="110"/>
      <c r="AM73" s="111"/>
    </row>
    <row r="74" spans="1:39" ht="9.75" customHeight="1">
      <c r="A74" s="109"/>
      <c r="B74" s="110"/>
      <c r="C74" s="110"/>
      <c r="D74" s="110"/>
      <c r="E74" s="110"/>
      <c r="F74" s="110"/>
      <c r="G74" s="110"/>
      <c r="H74" s="110"/>
      <c r="I74" s="110"/>
      <c r="J74" s="110"/>
      <c r="K74" s="110"/>
      <c r="L74" s="110"/>
      <c r="M74" s="110"/>
      <c r="N74" s="110"/>
      <c r="O74" s="110"/>
      <c r="P74" s="110"/>
      <c r="Q74" s="110"/>
      <c r="R74" s="110"/>
      <c r="S74" s="110"/>
      <c r="T74" s="110"/>
      <c r="U74" s="110"/>
      <c r="V74" s="110"/>
      <c r="W74" s="110"/>
      <c r="X74" s="110"/>
      <c r="Y74" s="110"/>
      <c r="Z74" s="110"/>
      <c r="AA74" s="110"/>
      <c r="AB74" s="110"/>
      <c r="AC74" s="110"/>
      <c r="AD74" s="110"/>
      <c r="AE74" s="110"/>
      <c r="AF74" s="110"/>
      <c r="AG74" s="110"/>
      <c r="AH74" s="110"/>
      <c r="AI74" s="110"/>
      <c r="AJ74" s="110"/>
      <c r="AK74" s="110"/>
      <c r="AL74" s="110"/>
      <c r="AM74" s="111"/>
    </row>
    <row r="75" spans="1:39" ht="9.75" customHeight="1">
      <c r="A75" s="109"/>
      <c r="B75" s="110"/>
      <c r="C75" s="110"/>
      <c r="D75" s="110"/>
      <c r="E75" s="110"/>
      <c r="F75" s="110"/>
      <c r="G75" s="110"/>
      <c r="H75" s="110"/>
      <c r="I75" s="110"/>
      <c r="J75" s="110"/>
      <c r="K75" s="110"/>
      <c r="L75" s="110"/>
      <c r="M75" s="110"/>
      <c r="N75" s="110"/>
      <c r="O75" s="110"/>
      <c r="P75" s="110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1"/>
    </row>
    <row r="76" spans="1:39" ht="9.75" customHeight="1">
      <c r="A76" s="109"/>
      <c r="B76" s="110"/>
      <c r="C76" s="110"/>
      <c r="D76" s="110"/>
      <c r="E76" s="110"/>
      <c r="F76" s="110"/>
      <c r="G76" s="110"/>
      <c r="H76" s="110"/>
      <c r="I76" s="110"/>
      <c r="J76" s="110"/>
      <c r="K76" s="110"/>
      <c r="L76" s="110"/>
      <c r="M76" s="110"/>
      <c r="N76" s="110"/>
      <c r="O76" s="110"/>
      <c r="P76" s="110"/>
      <c r="Q76" s="110"/>
      <c r="R76" s="110"/>
      <c r="S76" s="110"/>
      <c r="T76" s="110"/>
      <c r="U76" s="110"/>
      <c r="V76" s="110"/>
      <c r="W76" s="110"/>
      <c r="X76" s="110"/>
      <c r="Y76" s="110"/>
      <c r="Z76" s="110"/>
      <c r="AA76" s="110"/>
      <c r="AB76" s="110"/>
      <c r="AC76" s="110"/>
      <c r="AD76" s="110"/>
      <c r="AE76" s="110"/>
      <c r="AF76" s="110"/>
      <c r="AG76" s="110"/>
      <c r="AH76" s="110"/>
      <c r="AI76" s="110"/>
      <c r="AJ76" s="110"/>
      <c r="AK76" s="110"/>
      <c r="AL76" s="110"/>
      <c r="AM76" s="111"/>
    </row>
    <row r="77" spans="1:39" ht="9.75" customHeight="1">
      <c r="A77" s="109"/>
      <c r="B77" s="110"/>
      <c r="C77" s="110"/>
      <c r="D77" s="110"/>
      <c r="E77" s="110"/>
      <c r="F77" s="110"/>
      <c r="G77" s="110"/>
      <c r="H77" s="110"/>
      <c r="I77" s="110"/>
      <c r="J77" s="110"/>
      <c r="K77" s="110"/>
      <c r="L77" s="110"/>
      <c r="M77" s="110"/>
      <c r="N77" s="110"/>
      <c r="O77" s="110"/>
      <c r="P77" s="110"/>
      <c r="Q77" s="110"/>
      <c r="R77" s="110"/>
      <c r="S77" s="110"/>
      <c r="T77" s="110"/>
      <c r="U77" s="110"/>
      <c r="V77" s="110"/>
      <c r="W77" s="110"/>
      <c r="X77" s="110"/>
      <c r="Y77" s="110"/>
      <c r="Z77" s="110"/>
      <c r="AA77" s="110"/>
      <c r="AB77" s="110"/>
      <c r="AC77" s="110"/>
      <c r="AD77" s="110"/>
      <c r="AE77" s="110"/>
      <c r="AF77" s="110"/>
      <c r="AG77" s="110"/>
      <c r="AH77" s="110"/>
      <c r="AI77" s="110"/>
      <c r="AJ77" s="110"/>
      <c r="AK77" s="110"/>
      <c r="AL77" s="110"/>
      <c r="AM77" s="111"/>
    </row>
    <row r="78" spans="1:39" ht="9.75" customHeight="1">
      <c r="A78" s="109"/>
      <c r="B78" s="110"/>
      <c r="C78" s="110"/>
      <c r="D78" s="110"/>
      <c r="E78" s="110"/>
      <c r="F78" s="110"/>
      <c r="G78" s="110"/>
      <c r="H78" s="110"/>
      <c r="I78" s="110"/>
      <c r="J78" s="110"/>
      <c r="K78" s="110"/>
      <c r="L78" s="110"/>
      <c r="M78" s="110"/>
      <c r="N78" s="110"/>
      <c r="O78" s="110"/>
      <c r="P78" s="110"/>
      <c r="Q78" s="110"/>
      <c r="R78" s="110"/>
      <c r="S78" s="110"/>
      <c r="T78" s="110"/>
      <c r="U78" s="110"/>
      <c r="V78" s="110"/>
      <c r="W78" s="110"/>
      <c r="X78" s="110"/>
      <c r="Y78" s="110"/>
      <c r="Z78" s="110"/>
      <c r="AA78" s="110"/>
      <c r="AB78" s="110"/>
      <c r="AC78" s="110"/>
      <c r="AD78" s="110"/>
      <c r="AE78" s="110"/>
      <c r="AF78" s="110"/>
      <c r="AG78" s="110"/>
      <c r="AH78" s="110"/>
      <c r="AI78" s="110"/>
      <c r="AJ78" s="110"/>
      <c r="AK78" s="110"/>
      <c r="AL78" s="110"/>
      <c r="AM78" s="111"/>
    </row>
    <row r="79" spans="1:39" ht="9.75" customHeight="1">
      <c r="A79" s="109"/>
      <c r="B79" s="110"/>
      <c r="C79" s="110"/>
      <c r="D79" s="110"/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1"/>
    </row>
    <row r="80" spans="1:39" ht="9.75" customHeight="1">
      <c r="A80" s="109"/>
      <c r="B80" s="110"/>
      <c r="C80" s="110"/>
      <c r="D80" s="110"/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1"/>
    </row>
    <row r="81" spans="1:39" ht="9.75" customHeight="1">
      <c r="A81" s="109"/>
      <c r="B81" s="110"/>
      <c r="C81" s="110"/>
      <c r="D81" s="110"/>
      <c r="E81" s="110"/>
      <c r="F81" s="110"/>
      <c r="G81" s="110"/>
      <c r="H81" s="110"/>
      <c r="I81" s="110"/>
      <c r="J81" s="110"/>
      <c r="K81" s="110"/>
      <c r="L81" s="110"/>
      <c r="M81" s="110"/>
      <c r="N81" s="110"/>
      <c r="O81" s="110"/>
      <c r="P81" s="110"/>
      <c r="Q81" s="110"/>
      <c r="R81" s="110"/>
      <c r="S81" s="110"/>
      <c r="T81" s="110"/>
      <c r="U81" s="110"/>
      <c r="V81" s="110"/>
      <c r="W81" s="110"/>
      <c r="X81" s="110"/>
      <c r="Y81" s="110"/>
      <c r="Z81" s="110"/>
      <c r="AA81" s="110"/>
      <c r="AB81" s="110"/>
      <c r="AC81" s="110"/>
      <c r="AD81" s="110"/>
      <c r="AE81" s="110"/>
      <c r="AF81" s="110"/>
      <c r="AG81" s="110"/>
      <c r="AH81" s="110"/>
      <c r="AI81" s="110"/>
      <c r="AJ81" s="110"/>
      <c r="AK81" s="110"/>
      <c r="AL81" s="110"/>
      <c r="AM81" s="111"/>
    </row>
    <row r="82" spans="1:39" ht="9.75" customHeight="1">
      <c r="A82" s="109"/>
      <c r="B82" s="110"/>
      <c r="C82" s="110"/>
      <c r="D82" s="110"/>
      <c r="E82" s="110"/>
      <c r="F82" s="110"/>
      <c r="G82" s="110"/>
      <c r="H82" s="110"/>
      <c r="I82" s="110"/>
      <c r="J82" s="110"/>
      <c r="K82" s="110"/>
      <c r="L82" s="110"/>
      <c r="M82" s="110"/>
      <c r="N82" s="110"/>
      <c r="O82" s="110"/>
      <c r="P82" s="110"/>
      <c r="Q82" s="110"/>
      <c r="R82" s="110"/>
      <c r="S82" s="110"/>
      <c r="T82" s="110"/>
      <c r="U82" s="110"/>
      <c r="V82" s="110"/>
      <c r="W82" s="110"/>
      <c r="X82" s="110"/>
      <c r="Y82" s="110"/>
      <c r="Z82" s="110"/>
      <c r="AA82" s="110"/>
      <c r="AB82" s="110"/>
      <c r="AC82" s="110"/>
      <c r="AD82" s="110"/>
      <c r="AE82" s="110"/>
      <c r="AF82" s="110"/>
      <c r="AG82" s="110"/>
      <c r="AH82" s="110"/>
      <c r="AI82" s="110"/>
      <c r="AJ82" s="110"/>
      <c r="AK82" s="110"/>
      <c r="AL82" s="110"/>
      <c r="AM82" s="111"/>
    </row>
    <row r="83" spans="1:39" ht="9.75" customHeight="1">
      <c r="A83" s="109"/>
      <c r="B83" s="110"/>
      <c r="C83" s="110"/>
      <c r="D83" s="110"/>
      <c r="E83" s="110"/>
      <c r="F83" s="110"/>
      <c r="G83" s="110"/>
      <c r="H83" s="110"/>
      <c r="I83" s="110"/>
      <c r="J83" s="110"/>
      <c r="K83" s="110"/>
      <c r="L83" s="110"/>
      <c r="M83" s="110"/>
      <c r="N83" s="110"/>
      <c r="O83" s="110"/>
      <c r="P83" s="110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1"/>
    </row>
    <row r="84" spans="1:39" ht="9.75" customHeight="1">
      <c r="A84" s="109"/>
      <c r="B84" s="110"/>
      <c r="C84" s="110"/>
      <c r="D84" s="110"/>
      <c r="E84" s="110"/>
      <c r="F84" s="110"/>
      <c r="G84" s="110"/>
      <c r="H84" s="110"/>
      <c r="I84" s="110"/>
      <c r="J84" s="110"/>
      <c r="K84" s="110"/>
      <c r="L84" s="110"/>
      <c r="M84" s="110"/>
      <c r="N84" s="110"/>
      <c r="O84" s="110"/>
      <c r="P84" s="110"/>
      <c r="Q84" s="110"/>
      <c r="R84" s="110"/>
      <c r="S84" s="110"/>
      <c r="T84" s="110"/>
      <c r="U84" s="110"/>
      <c r="V84" s="110"/>
      <c r="W84" s="110"/>
      <c r="X84" s="110"/>
      <c r="Y84" s="110"/>
      <c r="Z84" s="110"/>
      <c r="AA84" s="110"/>
      <c r="AB84" s="110"/>
      <c r="AC84" s="110"/>
      <c r="AD84" s="110"/>
      <c r="AE84" s="110"/>
      <c r="AF84" s="110"/>
      <c r="AG84" s="110"/>
      <c r="AH84" s="110"/>
      <c r="AI84" s="110"/>
      <c r="AJ84" s="110"/>
      <c r="AK84" s="110"/>
      <c r="AL84" s="110"/>
      <c r="AM84" s="111"/>
    </row>
    <row r="85" spans="1:39" ht="9.75" customHeight="1">
      <c r="A85" s="112"/>
      <c r="B85" s="113"/>
      <c r="C85" s="113"/>
      <c r="D85" s="113"/>
      <c r="E85" s="113"/>
      <c r="F85" s="113"/>
      <c r="G85" s="113"/>
      <c r="H85" s="113"/>
      <c r="I85" s="113"/>
      <c r="J85" s="113"/>
      <c r="K85" s="113"/>
      <c r="L85" s="113"/>
      <c r="M85" s="113"/>
      <c r="N85" s="113"/>
      <c r="O85" s="113"/>
      <c r="P85" s="113"/>
      <c r="Q85" s="113"/>
      <c r="R85" s="113"/>
      <c r="S85" s="113"/>
      <c r="T85" s="113"/>
      <c r="U85" s="113"/>
      <c r="V85" s="113"/>
      <c r="W85" s="113"/>
      <c r="X85" s="113"/>
      <c r="Y85" s="113"/>
      <c r="Z85" s="113"/>
      <c r="AA85" s="113"/>
      <c r="AB85" s="113"/>
      <c r="AC85" s="113"/>
      <c r="AD85" s="113"/>
      <c r="AE85" s="113"/>
      <c r="AF85" s="113"/>
      <c r="AG85" s="113"/>
      <c r="AH85" s="113"/>
      <c r="AI85" s="113"/>
      <c r="AJ85" s="113"/>
      <c r="AK85" s="113"/>
      <c r="AL85" s="113"/>
      <c r="AM85" s="114"/>
    </row>
    <row r="1267" spans="6:6" ht="9.75" customHeight="1">
      <c r="F1267" s="115"/>
    </row>
  </sheetData>
  <mergeCells count="47"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F17:F19"/>
    <mergeCell ref="X5:AM9"/>
    <mergeCell ref="G6:H9"/>
    <mergeCell ref="I6:J9"/>
    <mergeCell ref="K6:K9"/>
    <mergeCell ref="L6:L9"/>
    <mergeCell ref="N6:Q6"/>
    <mergeCell ref="N7:O9"/>
    <mergeCell ref="P7:Q9"/>
    <mergeCell ref="A11:A13"/>
    <mergeCell ref="B11:B13"/>
    <mergeCell ref="C14:C16"/>
    <mergeCell ref="D14:D16"/>
    <mergeCell ref="E17:E19"/>
    <mergeCell ref="N20:N22"/>
    <mergeCell ref="O20:O22"/>
    <mergeCell ref="C23:C25"/>
    <mergeCell ref="D23:D25"/>
    <mergeCell ref="E26:E28"/>
    <mergeCell ref="F26:F28"/>
    <mergeCell ref="N29:N31"/>
    <mergeCell ref="O29:O31"/>
    <mergeCell ref="C32:C34"/>
    <mergeCell ref="D32:D34"/>
    <mergeCell ref="E35:E37"/>
    <mergeCell ref="F35:F37"/>
    <mergeCell ref="C38:C40"/>
    <mergeCell ref="D38:D40"/>
    <mergeCell ref="E41:E43"/>
    <mergeCell ref="F41:F43"/>
    <mergeCell ref="C44:C46"/>
    <mergeCell ref="D44:D46"/>
    <mergeCell ref="E47:E49"/>
    <mergeCell ref="F47:F49"/>
    <mergeCell ref="E50:E52"/>
    <mergeCell ref="F50:F52"/>
    <mergeCell ref="A54:F54"/>
  </mergeCells>
  <phoneticPr fontId="2"/>
  <pageMargins left="0.43307086614173229" right="0.39370078740157483" top="0.19685039370078741" bottom="0" header="0.19685039370078741" footer="0.19685039370078741"/>
  <pageSetup paperSize="9" scale="99" pageOrder="overThenDown" orientation="portrait" r:id="rId1"/>
  <colBreaks count="1" manualBreakCount="1">
    <brk id="12" max="84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0</vt:i4>
      </vt:variant>
      <vt:variant>
        <vt:lpstr>名前付き一覧</vt:lpstr>
      </vt:variant>
      <vt:variant>
        <vt:i4>30</vt:i4>
      </vt:variant>
    </vt:vector>
  </HeadingPairs>
  <TitlesOfParts>
    <vt:vector size="60" baseType="lpstr">
      <vt:lpstr>02市町村自治振興事業会(歳入)</vt:lpstr>
      <vt:lpstr>02市町村自治振興事業会(歳出)</vt:lpstr>
      <vt:lpstr>03公債管理特別会計(歳入)</vt:lpstr>
      <vt:lpstr>03公債管理特別会計(歳出)</vt:lpstr>
      <vt:lpstr>04公営競技収益配分金等(歳入)</vt:lpstr>
      <vt:lpstr>04公営競技収益配分金等(歳出)</vt:lpstr>
      <vt:lpstr>05地方消費税　清算会計(歳入)</vt:lpstr>
      <vt:lpstr>05地方消費税　清算会計(歳出)</vt:lpstr>
      <vt:lpstr>06災害救助基金会計(歳入)</vt:lpstr>
      <vt:lpstr>06災害救助基金会計(歳出)</vt:lpstr>
      <vt:lpstr>08恩賜記念林業振興資金(歳入)</vt:lpstr>
      <vt:lpstr>08恩賜記念林業振興資金(歳出)</vt:lpstr>
      <vt:lpstr>09林業改善資金会計(歳入)</vt:lpstr>
      <vt:lpstr>09林業改善資金会計(歳出)</vt:lpstr>
      <vt:lpstr>10水源環境保全・再生事(歳入)</vt:lpstr>
      <vt:lpstr>10水源環境保全・再生事(歳出)</vt:lpstr>
      <vt:lpstr>11沿岸漁業改善資金会計(歳入)</vt:lpstr>
      <vt:lpstr>11沿岸漁業改善資金会計(歳出)</vt:lpstr>
      <vt:lpstr>12介護保険財政安定化基(歳入)</vt:lpstr>
      <vt:lpstr>12介護保険財政安定化基(歳出)</vt:lpstr>
      <vt:lpstr>13母子父子寡婦福祉資金(歳入)</vt:lpstr>
      <vt:lpstr>13母子父子寡婦福祉資金(歳出)</vt:lpstr>
      <vt:lpstr>14国民健康保険事業会計(歳入)</vt:lpstr>
      <vt:lpstr>14国民健康保険事業会計(歳出)</vt:lpstr>
      <vt:lpstr>15神奈川県立病院機構資(歳入)</vt:lpstr>
      <vt:lpstr>15神奈川県立病院機構資(歳出)</vt:lpstr>
      <vt:lpstr>16中小企業資金会計(歳入)</vt:lpstr>
      <vt:lpstr>16中小企業資金会計(歳出)</vt:lpstr>
      <vt:lpstr>18県営住宅事業会計(歳入)</vt:lpstr>
      <vt:lpstr>18県営住宅事業会計(歳出)</vt:lpstr>
      <vt:lpstr>'02市町村自治振興事業会(歳出)'!Print_Area</vt:lpstr>
      <vt:lpstr>'02市町村自治振興事業会(歳入)'!Print_Area</vt:lpstr>
      <vt:lpstr>'03公債管理特別会計(歳出)'!Print_Area</vt:lpstr>
      <vt:lpstr>'03公債管理特別会計(歳入)'!Print_Area</vt:lpstr>
      <vt:lpstr>'04公営競技収益配分金等(歳出)'!Print_Area</vt:lpstr>
      <vt:lpstr>'04公営競技収益配分金等(歳入)'!Print_Area</vt:lpstr>
      <vt:lpstr>'05地方消費税　清算会計(歳出)'!Print_Area</vt:lpstr>
      <vt:lpstr>'05地方消費税　清算会計(歳入)'!Print_Area</vt:lpstr>
      <vt:lpstr>'06災害救助基金会計(歳出)'!Print_Area</vt:lpstr>
      <vt:lpstr>'06災害救助基金会計(歳入)'!Print_Area</vt:lpstr>
      <vt:lpstr>'08恩賜記念林業振興資金(歳出)'!Print_Area</vt:lpstr>
      <vt:lpstr>'08恩賜記念林業振興資金(歳入)'!Print_Area</vt:lpstr>
      <vt:lpstr>'09林業改善資金会計(歳出)'!Print_Area</vt:lpstr>
      <vt:lpstr>'09林業改善資金会計(歳入)'!Print_Area</vt:lpstr>
      <vt:lpstr>'10水源環境保全・再生事(歳出)'!Print_Area</vt:lpstr>
      <vt:lpstr>'10水源環境保全・再生事(歳入)'!Print_Area</vt:lpstr>
      <vt:lpstr>'11沿岸漁業改善資金会計(歳出)'!Print_Area</vt:lpstr>
      <vt:lpstr>'11沿岸漁業改善資金会計(歳入)'!Print_Area</vt:lpstr>
      <vt:lpstr>'12介護保険財政安定化基(歳出)'!Print_Area</vt:lpstr>
      <vt:lpstr>'12介護保険財政安定化基(歳入)'!Print_Area</vt:lpstr>
      <vt:lpstr>'13母子父子寡婦福祉資金(歳出)'!Print_Area</vt:lpstr>
      <vt:lpstr>'13母子父子寡婦福祉資金(歳入)'!Print_Area</vt:lpstr>
      <vt:lpstr>'14国民健康保険事業会計(歳出)'!Print_Area</vt:lpstr>
      <vt:lpstr>'14国民健康保険事業会計(歳入)'!Print_Area</vt:lpstr>
      <vt:lpstr>'15神奈川県立病院機構資(歳出)'!Print_Area</vt:lpstr>
      <vt:lpstr>'15神奈川県立病院機構資(歳入)'!Print_Area</vt:lpstr>
      <vt:lpstr>'16中小企業資金会計(歳出)'!Print_Area</vt:lpstr>
      <vt:lpstr>'16中小企業資金会計(歳入)'!Print_Area</vt:lpstr>
      <vt:lpstr>'18県営住宅事業会計(歳出)'!Print_Area</vt:lpstr>
      <vt:lpstr>'18県営住宅事業会計(歳入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1-08T02:03:10Z</cp:lastPrinted>
  <dcterms:created xsi:type="dcterms:W3CDTF">2023-11-08T01:25:05Z</dcterms:created>
  <dcterms:modified xsi:type="dcterms:W3CDTF">2023-11-14T02:25:52Z</dcterms:modified>
</cp:coreProperties>
</file>